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notesMasterIdLst>
    <p:notesMasterId r:id="rId7"/>
  </p:notesMasterIdLst>
  <p:handoutMasterIdLst>
    <p:handoutMasterId r:id="rId8"/>
  </p:handoutMasterIdLst>
  <p:sldIdLst>
    <p:sldId id="325" r:id="rId2"/>
    <p:sldId id="296" r:id="rId3"/>
    <p:sldId id="297" r:id="rId4"/>
    <p:sldId id="298" r:id="rId5"/>
    <p:sldId id="299" r:id="rId6"/>
  </p:sldIdLst>
  <p:sldSz cx="9144000" cy="6858000" type="screen4x3"/>
  <p:notesSz cx="6742113" cy="9872663"/>
  <p:custDataLst>
    <p:tags r:id="rId9"/>
  </p:custDataLst>
  <p:defaultTextStyle>
    <a:defPPr>
      <a:defRPr lang="ja-JP"/>
    </a:defPPr>
    <a:lvl1pPr marL="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09" userDrawn="1">
          <p15:clr>
            <a:srgbClr val="A4A3A4"/>
          </p15:clr>
        </p15:guide>
        <p15:guide id="2" pos="2124" userDrawn="1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learning_dev01" initials="l" lastIdx="4" clrIdx="0"/>
  <p:cmAuthor id="2" name="Human Science" initials="H" lastIdx="23" clrIdx="1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614700"/>
    <a:srgbClr val="613403"/>
    <a:srgbClr val="483700"/>
    <a:srgbClr val="62983E"/>
    <a:srgbClr val="83BC5C"/>
    <a:srgbClr val="F8D827"/>
    <a:srgbClr val="99CCFF"/>
    <a:srgbClr val="BED090"/>
    <a:srgbClr val="B0D888"/>
    <a:srgbClr val="442CF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0867" autoAdjust="0"/>
    <p:restoredTop sz="89055" autoAdjust="0"/>
  </p:normalViewPr>
  <p:slideViewPr>
    <p:cSldViewPr snapToGrid="0">
      <p:cViewPr>
        <p:scale>
          <a:sx n="75" d="100"/>
          <a:sy n="75" d="100"/>
        </p:scale>
        <p:origin x="1886" y="216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Grid="0">
      <p:cViewPr varScale="1">
        <p:scale>
          <a:sx n="76" d="100"/>
          <a:sy n="76" d="100"/>
        </p:scale>
        <p:origin x="-3930" y="-90"/>
      </p:cViewPr>
      <p:guideLst>
        <p:guide orient="horz" pos="3109"/>
        <p:guide pos="212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handoutMaster" Target="handoutMasters/handoutMaster1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commentAuthors" Target="commentAuthors.xml"/><Relationship Id="rId4" Type="http://schemas.openxmlformats.org/officeDocument/2006/relationships/slide" Target="slides/slide3.xml"/><Relationship Id="rId9" Type="http://schemas.openxmlformats.org/officeDocument/2006/relationships/tags" Target="tags/tag1.xml"/><Relationship Id="rId14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ヘッダー プレースホルダー 1"/>
          <p:cNvSpPr>
            <a:spLocks noGrp="1"/>
          </p:cNvSpPr>
          <p:nvPr>
            <p:ph type="hdr" sz="quarter"/>
          </p:nvPr>
        </p:nvSpPr>
        <p:spPr>
          <a:xfrm>
            <a:off x="0" y="1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3" name="日付プレースホルダー 2"/>
          <p:cNvSpPr>
            <a:spLocks noGrp="1"/>
          </p:cNvSpPr>
          <p:nvPr>
            <p:ph type="dt" sz="quarter" idx="1"/>
          </p:nvPr>
        </p:nvSpPr>
        <p:spPr>
          <a:xfrm>
            <a:off x="3819525" y="1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r">
              <a:defRPr sz="1200"/>
            </a:lvl1pPr>
          </a:lstStyle>
          <a:p>
            <a:fld id="{04841BC4-3255-4701-84DC-7BA76BD3BC38}" type="datetimeFigureOut">
              <a:rPr kumimoji="1" lang="ja-JP" altLang="en-US" smtClean="0"/>
              <a:t>2022/11/4</a:t>
            </a:fld>
            <a:endParaRPr kumimoji="1" lang="ja-JP" altLang="en-US"/>
          </a:p>
        </p:txBody>
      </p:sp>
      <p:sp>
        <p:nvSpPr>
          <p:cNvPr id="4" name="フッター プレースホルダー 3"/>
          <p:cNvSpPr>
            <a:spLocks noGrp="1"/>
          </p:cNvSpPr>
          <p:nvPr>
            <p:ph type="ftr" sz="quarter" idx="2"/>
          </p:nvPr>
        </p:nvSpPr>
        <p:spPr>
          <a:xfrm>
            <a:off x="0" y="9377363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5" name="スライド番号プレースホルダー 4"/>
          <p:cNvSpPr>
            <a:spLocks noGrp="1"/>
          </p:cNvSpPr>
          <p:nvPr>
            <p:ph type="sldNum" sz="quarter" idx="3"/>
          </p:nvPr>
        </p:nvSpPr>
        <p:spPr>
          <a:xfrm>
            <a:off x="3819525" y="9377363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r">
              <a:defRPr sz="1200"/>
            </a:lvl1pPr>
          </a:lstStyle>
          <a:p>
            <a:fld id="{8811A537-B1DC-4DC8-8C68-2B4954D54BC9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237675602"/>
      </p:ext>
    </p:extLst>
  </p:cSld>
  <p:clrMap bg1="lt1" tx1="dk1" bg2="lt2" tx2="dk2" accent1="accent1" accent2="accent2" accent3="accent3" accent4="accent4" accent5="accent5" accent6="accent6" hlink="hlink" folHlink="folHlink"/>
  <p:hf sldNum="0"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ヘッダー プレースホルダー 1"/>
          <p:cNvSpPr>
            <a:spLocks noGrp="1"/>
          </p:cNvSpPr>
          <p:nvPr>
            <p:ph type="hdr" sz="quarter"/>
          </p:nvPr>
        </p:nvSpPr>
        <p:spPr>
          <a:xfrm>
            <a:off x="0" y="1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3" name="日付プレースホルダー 2"/>
          <p:cNvSpPr>
            <a:spLocks noGrp="1"/>
          </p:cNvSpPr>
          <p:nvPr>
            <p:ph type="dt" idx="1"/>
          </p:nvPr>
        </p:nvSpPr>
        <p:spPr>
          <a:xfrm>
            <a:off x="3818971" y="1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r">
              <a:defRPr sz="1200"/>
            </a:lvl1pPr>
          </a:lstStyle>
          <a:p>
            <a:fld id="{957A1FB4-E895-4F2F-AE02-D5808EBC5EEE}" type="datetimeFigureOut">
              <a:rPr kumimoji="1" lang="ja-JP" altLang="en-US" smtClean="0"/>
              <a:t>2022/11/4</a:t>
            </a:fld>
            <a:endParaRPr kumimoji="1" lang="ja-JP" altLang="en-US"/>
          </a:p>
        </p:txBody>
      </p:sp>
      <p:sp>
        <p:nvSpPr>
          <p:cNvPr id="4" name="スライド イメージ プレースホルダー 3"/>
          <p:cNvSpPr>
            <a:spLocks noGrp="1" noRot="1" noChangeAspect="1"/>
          </p:cNvSpPr>
          <p:nvPr>
            <p:ph type="sldImg" idx="2"/>
          </p:nvPr>
        </p:nvSpPr>
        <p:spPr>
          <a:xfrm>
            <a:off x="903288" y="739775"/>
            <a:ext cx="4935537" cy="3703638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31" tIns="45716" rIns="91431" bIns="45716" rtlCol="0" anchor="ctr"/>
          <a:lstStyle/>
          <a:p>
            <a:endParaRPr lang="ja-JP" altLang="en-US"/>
          </a:p>
        </p:txBody>
      </p:sp>
      <p:sp>
        <p:nvSpPr>
          <p:cNvPr id="5" name="ノート プレースホルダー 4"/>
          <p:cNvSpPr>
            <a:spLocks noGrp="1"/>
          </p:cNvSpPr>
          <p:nvPr>
            <p:ph type="body" sz="quarter" idx="3"/>
          </p:nvPr>
        </p:nvSpPr>
        <p:spPr>
          <a:xfrm>
            <a:off x="674212" y="4689515"/>
            <a:ext cx="5393690" cy="4442698"/>
          </a:xfrm>
          <a:prstGeom prst="rect">
            <a:avLst/>
          </a:prstGeom>
        </p:spPr>
        <p:txBody>
          <a:bodyPr vert="horz" lIns="91431" tIns="45716" rIns="91431" bIns="45716" rtlCol="0"/>
          <a:lstStyle/>
          <a:p>
            <a:pPr lvl="0"/>
            <a:r>
              <a:rPr kumimoji="1" lang="ja-JP" altLang="en-US"/>
              <a:t>マスター テキストの書式設定</a:t>
            </a:r>
          </a:p>
          <a:p>
            <a:pPr lvl="1"/>
            <a:r>
              <a:rPr kumimoji="1" lang="ja-JP" altLang="en-US"/>
              <a:t>第 </a:t>
            </a:r>
            <a:r>
              <a:rPr kumimoji="1" lang="en-US" altLang="ja-JP"/>
              <a:t>2 </a:t>
            </a:r>
            <a:r>
              <a:rPr kumimoji="1" lang="ja-JP" altLang="en-US"/>
              <a:t>レベル</a:t>
            </a:r>
          </a:p>
          <a:p>
            <a:pPr lvl="2"/>
            <a:r>
              <a:rPr kumimoji="1" lang="ja-JP" altLang="en-US"/>
              <a:t>第 </a:t>
            </a:r>
            <a:r>
              <a:rPr kumimoji="1" lang="en-US" altLang="ja-JP"/>
              <a:t>3 </a:t>
            </a:r>
            <a:r>
              <a:rPr kumimoji="1" lang="ja-JP" altLang="en-US"/>
              <a:t>レベル</a:t>
            </a:r>
          </a:p>
          <a:p>
            <a:pPr lvl="3"/>
            <a:r>
              <a:rPr kumimoji="1" lang="ja-JP" altLang="en-US"/>
              <a:t>第 </a:t>
            </a:r>
            <a:r>
              <a:rPr kumimoji="1" lang="en-US" altLang="ja-JP"/>
              <a:t>4 </a:t>
            </a:r>
            <a:r>
              <a:rPr kumimoji="1" lang="ja-JP" altLang="en-US"/>
              <a:t>レベル</a:t>
            </a:r>
          </a:p>
          <a:p>
            <a:pPr lvl="4"/>
            <a:r>
              <a:rPr kumimoji="1" lang="ja-JP" altLang="en-US"/>
              <a:t>第 </a:t>
            </a:r>
            <a:r>
              <a:rPr kumimoji="1" lang="en-US" altLang="ja-JP"/>
              <a:t>5 </a:t>
            </a:r>
            <a:r>
              <a:rPr kumimoji="1" lang="ja-JP" altLang="en-US"/>
              <a:t>レベル</a:t>
            </a:r>
          </a:p>
        </p:txBody>
      </p:sp>
      <p:sp>
        <p:nvSpPr>
          <p:cNvPr id="6" name="フッター プレースホルダー 5"/>
          <p:cNvSpPr>
            <a:spLocks noGrp="1"/>
          </p:cNvSpPr>
          <p:nvPr>
            <p:ph type="ftr" sz="quarter" idx="4"/>
          </p:nvPr>
        </p:nvSpPr>
        <p:spPr>
          <a:xfrm>
            <a:off x="0" y="9377316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7" name="スライド番号プレースホルダー 6"/>
          <p:cNvSpPr>
            <a:spLocks noGrp="1"/>
          </p:cNvSpPr>
          <p:nvPr>
            <p:ph type="sldNum" sz="quarter" idx="5"/>
          </p:nvPr>
        </p:nvSpPr>
        <p:spPr>
          <a:xfrm>
            <a:off x="3818971" y="9377316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r">
              <a:defRPr sz="1200"/>
            </a:lvl1pPr>
          </a:lstStyle>
          <a:p>
            <a:fld id="{3A2ADF00-AF12-48AC-B547-A09800EB06B8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794199042"/>
      </p:ext>
    </p:extLst>
  </p:cSld>
  <p:clrMap bg1="lt1" tx1="dk1" bg2="lt2" tx2="dk2" accent1="accent1" accent2="accent2" accent3="accent3" accent4="accent4" accent5="accent5" accent6="accent6" hlink="hlink" folHlink="folHlink"/>
  <p:hf sldNum="0" hdr="0" ftr="0" dt="0"/>
  <p:notesStyle>
    <a:lvl1pPr marL="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05145354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92258075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24678586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 dirty="0"/>
          </a:p>
        </p:txBody>
      </p:sp>
    </p:spTree>
    <p:extLst>
      <p:ext uri="{BB962C8B-B14F-4D97-AF65-F5344CB8AC3E}">
        <p14:creationId xmlns:p14="http://schemas.microsoft.com/office/powerpoint/2010/main" val="64768686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229325886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5" Type="http://schemas.openxmlformats.org/officeDocument/2006/relationships/image" Target="../media/image5.jpeg"/><Relationship Id="rId4" Type="http://schemas.microsoft.com/office/2007/relationships/hdphoto" Target="../media/hdphoto1.wdp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5" Type="http://schemas.openxmlformats.org/officeDocument/2006/relationships/image" Target="../media/image5.jpeg"/><Relationship Id="rId4" Type="http://schemas.microsoft.com/office/2007/relationships/hdphoto" Target="../media/hdphoto2.wdp"/></Relationships>
</file>

<file path=ppt/slideLayouts/_rels/slideLayout8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image" Target="../media/image7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11" Type="http://schemas.microsoft.com/office/2007/relationships/hdphoto" Target="../media/hdphoto4.wdp"/><Relationship Id="rId5" Type="http://schemas.microsoft.com/office/2007/relationships/hdphoto" Target="../media/hdphoto2.wdp"/><Relationship Id="rId10" Type="http://schemas.openxmlformats.org/officeDocument/2006/relationships/image" Target="../media/image9.png"/><Relationship Id="rId4" Type="http://schemas.openxmlformats.org/officeDocument/2006/relationships/image" Target="../media/image6.png"/><Relationship Id="rId9" Type="http://schemas.microsoft.com/office/2007/relationships/hdphoto" Target="../media/hdphoto3.wdp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タイトル スライド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1122363"/>
            <a:ext cx="77724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143000" y="3602038"/>
            <a:ext cx="6858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ja-JP" altLang="en-US"/>
              <a:t>マスター サブタイトルの書式設定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4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57253016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365126"/>
            <a:ext cx="7886700" cy="1325563"/>
          </a:xfrm>
        </p:spPr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9842" y="1681163"/>
            <a:ext cx="3868340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29842" y="2505075"/>
            <a:ext cx="3868340" cy="368458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29150" y="1681163"/>
            <a:ext cx="3887391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29150" y="2505075"/>
            <a:ext cx="3887391" cy="368458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4</a:t>
            </a:fld>
            <a:endParaRPr kumimoji="1" lang="ja-JP" alt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67647047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タイトルのみ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4</a:t>
            </a:fld>
            <a:endParaRPr kumimoji="1" lang="ja-JP" alt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215013528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白紙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4</a:t>
            </a:fld>
            <a:endParaRPr kumimoji="1" lang="ja-JP" alt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917829047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タイトル付きの&#10;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87391" y="987426"/>
            <a:ext cx="462915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4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569954064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タイトル付きの図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3887391" y="987426"/>
            <a:ext cx="462915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ja-JP" altLang="en-US"/>
              <a:t>図を追加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4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442375927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タイトルと&#10;縦書きテキスト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4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53290305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縦書きタイトルと&#10;縦書きテキスト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543675" y="365125"/>
            <a:ext cx="1971675" cy="5811838"/>
          </a:xfrm>
        </p:spPr>
        <p:txBody>
          <a:bodyPr vert="eaVert"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28650" y="365125"/>
            <a:ext cx="5800725" cy="5811838"/>
          </a:xfrm>
        </p:spPr>
        <p:txBody>
          <a:bodyPr vert="eaVert"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4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1062750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29"/>
          <p:cNvSpPr/>
          <p:nvPr userDrawn="1"/>
        </p:nvSpPr>
        <p:spPr>
          <a:xfrm>
            <a:off x="0" y="0"/>
            <a:ext cx="9150350" cy="6857999"/>
          </a:xfrm>
          <a:custGeom>
            <a:avLst/>
            <a:gdLst>
              <a:gd name="connsiteX0" fmla="*/ 0 w 9144000"/>
              <a:gd name="connsiteY0" fmla="*/ 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0 h 6076948"/>
              <a:gd name="connsiteX0" fmla="*/ 0 w 9144000"/>
              <a:gd name="connsiteY0" fmla="*/ 3810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38100 h 6076948"/>
              <a:gd name="connsiteX0" fmla="*/ 0 w 9150350"/>
              <a:gd name="connsiteY0" fmla="*/ 76200 h 6115048"/>
              <a:gd name="connsiteX1" fmla="*/ 9150350 w 9150350"/>
              <a:gd name="connsiteY1" fmla="*/ 0 h 6115048"/>
              <a:gd name="connsiteX2" fmla="*/ 9144000 w 9150350"/>
              <a:gd name="connsiteY2" fmla="*/ 6115048 h 6115048"/>
              <a:gd name="connsiteX3" fmla="*/ 0 w 9150350"/>
              <a:gd name="connsiteY3" fmla="*/ 6115048 h 6115048"/>
              <a:gd name="connsiteX4" fmla="*/ 0 w 9150350"/>
              <a:gd name="connsiteY4" fmla="*/ 76200 h 611504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150350" h="6115048">
                <a:moveTo>
                  <a:pt x="0" y="76200"/>
                </a:moveTo>
                <a:lnTo>
                  <a:pt x="9150350" y="0"/>
                </a:lnTo>
                <a:cubicBezTo>
                  <a:pt x="9148233" y="2038349"/>
                  <a:pt x="9146117" y="4076699"/>
                  <a:pt x="9144000" y="6115048"/>
                </a:cubicBezTo>
                <a:lnTo>
                  <a:pt x="0" y="6115048"/>
                </a:lnTo>
                <a:lnTo>
                  <a:pt x="0" y="76200"/>
                </a:lnTo>
                <a:close/>
              </a:path>
            </a:pathLst>
          </a:custGeom>
          <a:gradFill flip="none" rotWithShape="1">
            <a:gsLst>
              <a:gs pos="0">
                <a:srgbClr val="FFD1E1"/>
              </a:gs>
              <a:gs pos="74000">
                <a:srgbClr val="FFE5FF"/>
              </a:gs>
              <a:gs pos="100000">
                <a:schemeClr val="bg1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7620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76132726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正方形/長方形 10"/>
          <p:cNvSpPr/>
          <p:nvPr userDrawn="1"/>
        </p:nvSpPr>
        <p:spPr>
          <a:xfrm>
            <a:off x="0" y="0"/>
            <a:ext cx="9144000" cy="6858000"/>
          </a:xfrm>
          <a:prstGeom prst="rect">
            <a:avLst/>
          </a:prstGeom>
          <a:gradFill flip="none" rotWithShape="1">
            <a:gsLst>
              <a:gs pos="0">
                <a:srgbClr val="A4BEF2"/>
              </a:gs>
              <a:gs pos="74000">
                <a:srgbClr val="B9E1FD"/>
              </a:gs>
              <a:gs pos="100000">
                <a:srgbClr val="E6EDF6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 dirty="0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7620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7839148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9"/>
          <p:cNvSpPr/>
          <p:nvPr userDrawn="1"/>
        </p:nvSpPr>
        <p:spPr>
          <a:xfrm>
            <a:off x="0" y="0"/>
            <a:ext cx="9144000" cy="6857999"/>
          </a:xfrm>
          <a:prstGeom prst="rect">
            <a:avLst/>
          </a:prstGeom>
          <a:gradFill flip="none" rotWithShape="1">
            <a:gsLst>
              <a:gs pos="100000">
                <a:schemeClr val="accent6">
                  <a:lumMod val="40000"/>
                  <a:lumOff val="60000"/>
                </a:schemeClr>
              </a:gs>
              <a:gs pos="50000">
                <a:schemeClr val="bg1"/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7620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000" y="6492874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58021732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29"/>
          <p:cNvSpPr/>
          <p:nvPr userDrawn="1"/>
        </p:nvSpPr>
        <p:spPr>
          <a:xfrm>
            <a:off x="0" y="0"/>
            <a:ext cx="9150350" cy="6857999"/>
          </a:xfrm>
          <a:custGeom>
            <a:avLst/>
            <a:gdLst>
              <a:gd name="connsiteX0" fmla="*/ 0 w 9144000"/>
              <a:gd name="connsiteY0" fmla="*/ 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0 h 6076948"/>
              <a:gd name="connsiteX0" fmla="*/ 0 w 9144000"/>
              <a:gd name="connsiteY0" fmla="*/ 3810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38100 h 6076948"/>
              <a:gd name="connsiteX0" fmla="*/ 0 w 9150350"/>
              <a:gd name="connsiteY0" fmla="*/ 76200 h 6115048"/>
              <a:gd name="connsiteX1" fmla="*/ 9150350 w 9150350"/>
              <a:gd name="connsiteY1" fmla="*/ 0 h 6115048"/>
              <a:gd name="connsiteX2" fmla="*/ 9144000 w 9150350"/>
              <a:gd name="connsiteY2" fmla="*/ 6115048 h 6115048"/>
              <a:gd name="connsiteX3" fmla="*/ 0 w 9150350"/>
              <a:gd name="connsiteY3" fmla="*/ 6115048 h 6115048"/>
              <a:gd name="connsiteX4" fmla="*/ 0 w 9150350"/>
              <a:gd name="connsiteY4" fmla="*/ 76200 h 611504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150350" h="6115048">
                <a:moveTo>
                  <a:pt x="0" y="76200"/>
                </a:moveTo>
                <a:lnTo>
                  <a:pt x="9150350" y="0"/>
                </a:lnTo>
                <a:cubicBezTo>
                  <a:pt x="9148233" y="2038349"/>
                  <a:pt x="9146117" y="4076699"/>
                  <a:pt x="9144000" y="6115048"/>
                </a:cubicBezTo>
                <a:lnTo>
                  <a:pt x="0" y="6115048"/>
                </a:lnTo>
                <a:lnTo>
                  <a:pt x="0" y="76200"/>
                </a:lnTo>
                <a:close/>
              </a:path>
            </a:pathLst>
          </a:custGeom>
          <a:solidFill>
            <a:srgbClr val="FFD1E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7620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09201165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6698" r="26766" b="53451"/>
          <a:stretch/>
        </p:blipFill>
        <p:spPr bwMode="auto">
          <a:xfrm>
            <a:off x="0" y="1"/>
            <a:ext cx="9144000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2" descr="C:\Users\user000\Desktop\ICTすだちくん（JPG）\正面.aiのコピー.jp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backgroundRemoval t="4619" b="89954" l="2920" r="95499">
                        <a14:foregroundMark x1="40633" y1="46189" x2="60827" y2="47806"/>
                        <a14:foregroundMark x1="31630" y1="65589" x2="32603" y2="70092"/>
                        <a14:foregroundMark x1="28589" y1="66397" x2="39659" y2="68014"/>
                        <a14:foregroundMark x1="33698" y1="74827" x2="33090" y2="61663"/>
                        <a14:foregroundMark x1="56569" y1="63164" x2="70438" y2="74134"/>
                        <a14:backgroundMark x1="28467" y1="63510" x2="29440" y2="64434"/>
                        <a14:backgroundMark x1="16910" y1="55312" x2="26642" y2="64896"/>
                        <a14:backgroundMark x1="18613" y1="55312" x2="26277" y2="63164"/>
                        <a14:backgroundMark x1="19708" y1="54734" x2="23114" y2="59238"/>
                        <a14:backgroundMark x1="23358" y1="60162" x2="27494" y2="63048"/>
                        <a14:backgroundMark x1="23601" y1="59815" x2="23601" y2="59815"/>
                        <a14:backgroundMark x1="23236" y1="59584" x2="24818" y2="61201"/>
                        <a14:backgroundMark x1="15693" y1="56928" x2="25182" y2="65012"/>
                        <a14:backgroundMark x1="14355" y1="59469" x2="25669" y2="65012"/>
                        <a14:backgroundMark x1="15572" y1="65358" x2="25304" y2="65473"/>
                        <a14:backgroundMark x1="17640" y1="69746" x2="26521" y2="68014"/>
                        <a14:backgroundMark x1="24331" y1="67667" x2="28467" y2="65012"/>
                        <a14:backgroundMark x1="27981" y1="65704" x2="25912" y2="71478"/>
                        <a14:backgroundMark x1="68005" y1="64781" x2="75791" y2="75520"/>
                        <a14:backgroundMark x1="67640" y1="64088" x2="76277" y2="61547"/>
                        <a14:backgroundMark x1="69221" y1="62356" x2="75061" y2="60970"/>
                        <a14:backgroundMark x1="69830" y1="61432" x2="74939" y2="58083"/>
                        <a14:backgroundMark x1="77981" y1="53002" x2="72993" y2="59700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49212" y="384092"/>
            <a:ext cx="4397976" cy="463348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正方形/長方形 8"/>
          <p:cNvSpPr/>
          <p:nvPr userDrawn="1"/>
        </p:nvSpPr>
        <p:spPr>
          <a:xfrm>
            <a:off x="882766" y="3152550"/>
            <a:ext cx="7313094" cy="3190875"/>
          </a:xfrm>
          <a:prstGeom prst="rect">
            <a:avLst/>
          </a:prstGeom>
          <a:blipFill>
            <a:blip r:embed="rId5"/>
            <a:tile tx="0" ty="0" sx="100000" sy="100000" flip="none" algn="tl"/>
          </a:blip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10" name="正方形/長方形 9"/>
          <p:cNvSpPr/>
          <p:nvPr userDrawn="1"/>
        </p:nvSpPr>
        <p:spPr>
          <a:xfrm>
            <a:off x="895136" y="3166953"/>
            <a:ext cx="7313094" cy="3190875"/>
          </a:xfrm>
          <a:prstGeom prst="rect">
            <a:avLst/>
          </a:prstGeom>
          <a:solidFill>
            <a:schemeClr val="accent2">
              <a:lumMod val="20000"/>
              <a:lumOff val="80000"/>
              <a:alpha val="80000"/>
            </a:schemeClr>
          </a:solid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12" name="円/楕円 11"/>
          <p:cNvSpPr/>
          <p:nvPr userDrawn="1"/>
        </p:nvSpPr>
        <p:spPr>
          <a:xfrm>
            <a:off x="2391446" y="2863896"/>
            <a:ext cx="593070" cy="577308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1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6" name="円/楕円 15"/>
          <p:cNvSpPr/>
          <p:nvPr userDrawn="1"/>
        </p:nvSpPr>
        <p:spPr>
          <a:xfrm>
            <a:off x="6127118" y="2863896"/>
            <a:ext cx="593070" cy="577308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95136" y="3166953"/>
            <a:ext cx="7313094" cy="3176471"/>
          </a:xfrm>
        </p:spPr>
        <p:txBody>
          <a:bodyPr anchor="ctr">
            <a:normAutofit/>
          </a:bodyPr>
          <a:lstStyle>
            <a:lvl1pPr algn="ctr">
              <a:lnSpc>
                <a:spcPts val="7600"/>
              </a:lnSpc>
              <a:spcAft>
                <a:spcPts val="0"/>
              </a:spcAft>
              <a:defRPr kumimoji="1" lang="ja-JP" altLang="en-US" sz="5400" b="1" i="0" u="none" kern="1200" dirty="0" smtClean="0">
                <a:solidFill>
                  <a:srgbClr val="613403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19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39289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</p:spTree>
    <p:extLst>
      <p:ext uri="{BB962C8B-B14F-4D97-AF65-F5344CB8AC3E}">
        <p14:creationId xmlns:p14="http://schemas.microsoft.com/office/powerpoint/2010/main" val="261060154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344" r="17087" b="53451"/>
          <a:stretch/>
        </p:blipFill>
        <p:spPr bwMode="auto">
          <a:xfrm>
            <a:off x="0" y="1"/>
            <a:ext cx="9150349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8" name="Picture 2" descr="C:\Users\user000\Desktop\ICTすだちくん（JPG）\ボード持ち.aiのコピー.jpg"/>
          <p:cNvPicPr>
            <a:picLocks noChangeAspect="1" noChangeArrowheads="1"/>
          </p:cNvPicPr>
          <p:nvPr userDrawn="1"/>
        </p:nvPicPr>
        <p:blipFill rotWithShape="1"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backgroundRemoval t="11981" b="94623" l="3497" r="94930">
                        <a14:foregroundMark x1="36364" y1="47358" x2="42657" y2="46415"/>
                        <a14:foregroundMark x1="61364" y1="47358" x2="58916" y2="50283"/>
                        <a14:foregroundMark x1="60140" y1="44811" x2="65297" y2="47170"/>
                        <a14:foregroundMark x1="70629" y1="44528" x2="72552" y2="45000"/>
                        <a14:foregroundMark x1="74388" y1="38774" x2="75699" y2="38679"/>
                        <a14:foregroundMark x1="70105" y1="32642" x2="69056" y2="33962"/>
                        <a14:foregroundMark x1="29983" y1="62075" x2="39510" y2="6311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3763" t="12187" b="-2482"/>
          <a:stretch/>
        </p:blipFill>
        <p:spPr bwMode="auto">
          <a:xfrm>
            <a:off x="59258" y="1278455"/>
            <a:ext cx="5615087" cy="488104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9" name="正方形/長方形 18"/>
          <p:cNvSpPr/>
          <p:nvPr userDrawn="1"/>
        </p:nvSpPr>
        <p:spPr>
          <a:xfrm>
            <a:off x="1564206" y="3453327"/>
            <a:ext cx="7313094" cy="3190875"/>
          </a:xfrm>
          <a:prstGeom prst="rect">
            <a:avLst/>
          </a:prstGeom>
          <a:blipFill>
            <a:blip r:embed="rId5"/>
            <a:tile tx="0" ty="0" sx="100000" sy="100000" flip="none" algn="tl"/>
          </a:blip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0" name="正方形/長方形 19"/>
          <p:cNvSpPr/>
          <p:nvPr userDrawn="1"/>
        </p:nvSpPr>
        <p:spPr>
          <a:xfrm>
            <a:off x="1576576" y="3467730"/>
            <a:ext cx="7313094" cy="3190875"/>
          </a:xfrm>
          <a:prstGeom prst="rect">
            <a:avLst/>
          </a:prstGeom>
          <a:solidFill>
            <a:schemeClr val="accent2">
              <a:lumMod val="20000"/>
              <a:lumOff val="80000"/>
              <a:alpha val="80000"/>
            </a:schemeClr>
          </a:solid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2" name="円/楕円 21"/>
          <p:cNvSpPr/>
          <p:nvPr userDrawn="1"/>
        </p:nvSpPr>
        <p:spPr>
          <a:xfrm>
            <a:off x="1343350" y="3849803"/>
            <a:ext cx="366576" cy="356834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2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675166" y="3751206"/>
            <a:ext cx="7202134" cy="2914424"/>
          </a:xfrm>
        </p:spPr>
        <p:txBody>
          <a:bodyPr anchor="ctr">
            <a:normAutofit/>
          </a:bodyPr>
          <a:lstStyle>
            <a:lvl1pPr algn="ctr">
              <a:defRPr kumimoji="1" lang="ja-JP" altLang="en-US" sz="5400" b="1" i="0" u="none" kern="1200" dirty="0" smtClean="0">
                <a:solidFill>
                  <a:srgbClr val="613403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26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39289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</p:spTree>
    <p:extLst>
      <p:ext uri="{BB962C8B-B14F-4D97-AF65-F5344CB8AC3E}">
        <p14:creationId xmlns:p14="http://schemas.microsoft.com/office/powerpoint/2010/main" val="2040169596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344" r="17087" b="53451"/>
          <a:stretch/>
        </p:blipFill>
        <p:spPr bwMode="auto">
          <a:xfrm>
            <a:off x="1" y="1"/>
            <a:ext cx="9060180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74" name="Picture 2"/>
          <p:cNvPicPr>
            <a:picLocks noChangeAspect="1" noChangeArrowheads="1"/>
          </p:cNvPicPr>
          <p:nvPr userDrawn="1"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4143" t="48627" r="36251"/>
          <a:stretch/>
        </p:blipFill>
        <p:spPr bwMode="auto">
          <a:xfrm rot="10800000">
            <a:off x="6640706" y="756827"/>
            <a:ext cx="2503293" cy="264582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正方形/長方形 10"/>
          <p:cNvSpPr/>
          <p:nvPr userDrawn="1"/>
        </p:nvSpPr>
        <p:spPr>
          <a:xfrm rot="-60000">
            <a:off x="6571055" y="754203"/>
            <a:ext cx="76311" cy="2659514"/>
          </a:xfrm>
          <a:prstGeom prst="rect">
            <a:avLst/>
          </a:prstGeom>
          <a:solidFill>
            <a:schemeClr val="bg1"/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18" name="Picture 2" descr="C:\Users\user000\Desktop\ICTすだちくん（JPG）\ボード持ち.aiのコピー.jpg"/>
          <p:cNvPicPr>
            <a:picLocks noChangeAspect="1" noChangeArrowheads="1"/>
          </p:cNvPicPr>
          <p:nvPr userDrawn="1"/>
        </p:nvPicPr>
        <p:blipFill rotWithShape="1"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11981" b="94623" l="3497" r="94930">
                        <a14:foregroundMark x1="36364" y1="47358" x2="42657" y2="46415"/>
                        <a14:foregroundMark x1="61364" y1="47358" x2="58916" y2="50283"/>
                        <a14:foregroundMark x1="60140" y1="44811" x2="65297" y2="47170"/>
                        <a14:foregroundMark x1="70629" y1="44528" x2="72552" y2="45000"/>
                        <a14:foregroundMark x1="74388" y1="38774" x2="75699" y2="38679"/>
                        <a14:foregroundMark x1="70105" y1="32642" x2="69056" y2="33962"/>
                        <a14:foregroundMark x1="29983" y1="62075" x2="39510" y2="6311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3763" t="12187" b="-2482"/>
          <a:stretch/>
        </p:blipFill>
        <p:spPr bwMode="auto">
          <a:xfrm>
            <a:off x="59258" y="1278455"/>
            <a:ext cx="5615087" cy="488104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0" name="正方形/長方形 19"/>
          <p:cNvSpPr/>
          <p:nvPr userDrawn="1"/>
        </p:nvSpPr>
        <p:spPr>
          <a:xfrm>
            <a:off x="1537632" y="3429000"/>
            <a:ext cx="7612718" cy="3429000"/>
          </a:xfrm>
          <a:prstGeom prst="rect">
            <a:avLst/>
          </a:prstGeom>
          <a:solidFill>
            <a:srgbClr val="FFFFFF"/>
          </a:solidFill>
          <a:ln w="88900"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2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841500" y="3751206"/>
            <a:ext cx="7035800" cy="2914424"/>
          </a:xfrm>
        </p:spPr>
        <p:txBody>
          <a:bodyPr anchor="ctr">
            <a:normAutofit/>
          </a:bodyPr>
          <a:lstStyle>
            <a:lvl1pPr algn="ctr">
              <a:defRPr kumimoji="1" lang="ja-JP" altLang="en-US" sz="5400" b="1" i="0" u="none" kern="1200" dirty="0" smtClean="0">
                <a:solidFill>
                  <a:schemeClr val="accent6">
                    <a:lumMod val="7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26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39289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  <p:grpSp>
        <p:nvGrpSpPr>
          <p:cNvPr id="32" name="グループ化 31"/>
          <p:cNvGrpSpPr/>
          <p:nvPr userDrawn="1"/>
        </p:nvGrpSpPr>
        <p:grpSpPr>
          <a:xfrm>
            <a:off x="1520288" y="3407832"/>
            <a:ext cx="7623712" cy="93426"/>
            <a:chOff x="1520288" y="3407832"/>
            <a:chExt cx="7623712" cy="93426"/>
          </a:xfrm>
        </p:grpSpPr>
        <p:cxnSp>
          <p:nvCxnSpPr>
            <p:cNvPr id="4" name="直線コネクタ 3"/>
            <p:cNvCxnSpPr/>
            <p:nvPr userDrawn="1"/>
          </p:nvCxnSpPr>
          <p:spPr>
            <a:xfrm flipV="1">
              <a:off x="1520288" y="3407832"/>
              <a:ext cx="7623712" cy="21168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9" name="直線コネクタ 28"/>
            <p:cNvCxnSpPr/>
            <p:nvPr userDrawn="1"/>
          </p:nvCxnSpPr>
          <p:spPr>
            <a:xfrm flipV="1">
              <a:off x="1601425" y="3480430"/>
              <a:ext cx="7542575" cy="20828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33" name="グループ化 32"/>
          <p:cNvGrpSpPr/>
          <p:nvPr userDrawn="1"/>
        </p:nvGrpSpPr>
        <p:grpSpPr>
          <a:xfrm rot="5400000" flipV="1">
            <a:off x="-171431" y="5093609"/>
            <a:ext cx="3452286" cy="93430"/>
            <a:chOff x="1520288" y="3407832"/>
            <a:chExt cx="8912595" cy="93430"/>
          </a:xfrm>
        </p:grpSpPr>
        <p:cxnSp>
          <p:nvCxnSpPr>
            <p:cNvPr id="34" name="直線コネクタ 33"/>
            <p:cNvCxnSpPr/>
            <p:nvPr userDrawn="1"/>
          </p:nvCxnSpPr>
          <p:spPr>
            <a:xfrm rot="5400000" flipH="1" flipV="1">
              <a:off x="5955072" y="-1026952"/>
              <a:ext cx="21168" cy="8890736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5" name="直線コネクタ 34"/>
            <p:cNvCxnSpPr/>
            <p:nvPr userDrawn="1"/>
          </p:nvCxnSpPr>
          <p:spPr>
            <a:xfrm rot="5400000" flipH="1" flipV="1">
              <a:off x="6064905" y="-866716"/>
              <a:ext cx="24851" cy="8711105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2" name="円/楕円 21"/>
          <p:cNvSpPr/>
          <p:nvPr userDrawn="1"/>
        </p:nvSpPr>
        <p:spPr>
          <a:xfrm>
            <a:off x="1312572" y="3833136"/>
            <a:ext cx="385275" cy="356834"/>
          </a:xfrm>
          <a:prstGeom prst="ellipse">
            <a:avLst/>
          </a:prstGeom>
          <a:solidFill>
            <a:schemeClr val="bg1">
              <a:lumMod val="95000"/>
            </a:schemeClr>
          </a:solidFill>
          <a:ln w="88900">
            <a:solidFill>
              <a:schemeClr val="tx1"/>
            </a:solidFill>
          </a:ln>
          <a:effectLst>
            <a:softEdge rad="12700"/>
          </a:effectLst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grpSp>
        <p:nvGrpSpPr>
          <p:cNvPr id="21" name="グループ化 20"/>
          <p:cNvGrpSpPr/>
          <p:nvPr userDrawn="1"/>
        </p:nvGrpSpPr>
        <p:grpSpPr>
          <a:xfrm rot="5400000">
            <a:off x="5284193" y="2027834"/>
            <a:ext cx="2626626" cy="139409"/>
            <a:chOff x="900523" y="3387507"/>
            <a:chExt cx="8243479" cy="139410"/>
          </a:xfrm>
        </p:grpSpPr>
        <p:cxnSp>
          <p:nvCxnSpPr>
            <p:cNvPr id="25" name="直線コネクタ 24"/>
            <p:cNvCxnSpPr/>
            <p:nvPr userDrawn="1"/>
          </p:nvCxnSpPr>
          <p:spPr>
            <a:xfrm rot="16200000">
              <a:off x="5002407" y="-714377"/>
              <a:ext cx="39711" cy="8243479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7" name="直線コネクタ 26"/>
            <p:cNvCxnSpPr/>
            <p:nvPr userDrawn="1"/>
          </p:nvCxnSpPr>
          <p:spPr>
            <a:xfrm rot="16200000">
              <a:off x="4999017" y="-618064"/>
              <a:ext cx="46487" cy="8243476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0" name="正方形/長方形 9"/>
          <p:cNvSpPr/>
          <p:nvPr userDrawn="1"/>
        </p:nvSpPr>
        <p:spPr>
          <a:xfrm>
            <a:off x="6590296" y="3388519"/>
            <a:ext cx="55121" cy="71437"/>
          </a:xfrm>
          <a:prstGeom prst="rect">
            <a:avLst/>
          </a:prstGeom>
          <a:solidFill>
            <a:schemeClr val="bg1">
              <a:lumMod val="95000"/>
            </a:schemeClr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30" name="正方形/長方形 29"/>
          <p:cNvSpPr/>
          <p:nvPr userDrawn="1"/>
        </p:nvSpPr>
        <p:spPr>
          <a:xfrm>
            <a:off x="6551045" y="733768"/>
            <a:ext cx="55121" cy="71437"/>
          </a:xfrm>
          <a:prstGeom prst="rect">
            <a:avLst/>
          </a:prstGeom>
          <a:solidFill>
            <a:schemeClr val="bg1">
              <a:lumMod val="95000"/>
            </a:schemeClr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3075" name="Picture 3" descr="C:\Users\user000\Desktop\ICTすだちくん（JPG）\右向き.aiのコピー.jpg"/>
          <p:cNvPicPr>
            <a:picLocks noChangeAspect="1" noChangeArrowheads="1"/>
          </p:cNvPicPr>
          <p:nvPr userDrawn="1"/>
        </p:nvPicPr>
        <p:blipFill>
          <a:blip r:embed="rId8" cstate="print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backgroundRemoval t="9957" b="100000" l="9898" r="89975">
                        <a14:foregroundMark x1="72335" y1="64935" x2="48096" y2="70563"/>
                        <a14:foregroundMark x1="76523" y1="69481" x2="48350" y2="78247"/>
                        <a14:foregroundMark x1="63325" y1="77706" x2="59137" y2="87662"/>
                        <a14:foregroundMark x1="51396" y1="79978" x2="42893" y2="88203"/>
                        <a14:foregroundMark x1="39848" y1="66775" x2="26523" y2="74351"/>
                        <a14:foregroundMark x1="19924" y1="62121" x2="25508" y2="72511"/>
                        <a14:foregroundMark x1="36802" y1="47186" x2="33249" y2="49675"/>
                      </a14:backgroundRemoval>
                    </a14:imgEffect>
                    <a14:imgEffect>
                      <a14:artisticPencilSketch/>
                    </a14:imgEffect>
                    <a14:imgEffect>
                      <a14:brightnessContrast bright="40000" contrast="-4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417543" flipH="1">
            <a:off x="6803697" y="1289032"/>
            <a:ext cx="1996618" cy="234104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1" name="Picture 3" descr="C:\Users\user000\Desktop\ICTすだちくん（JPG）\右向き.aiのコピー.jpg"/>
          <p:cNvPicPr>
            <a:picLocks noChangeAspect="1" noChangeArrowheads="1"/>
          </p:cNvPicPr>
          <p:nvPr userDrawn="1"/>
        </p:nvPicPr>
        <p:blipFill rotWithShape="1">
          <a:blip r:embed="rId10" cstate="print">
            <a:extLst>
              <a:ext uri="{BEBA8EAE-BF5A-486C-A8C5-ECC9F3942E4B}">
                <a14:imgProps xmlns:a14="http://schemas.microsoft.com/office/drawing/2010/main">
                  <a14:imgLayer r:embed="rId11">
                    <a14:imgEffect>
                      <a14:backgroundRemoval t="9957" b="100000" l="9898" r="89975">
                        <a14:foregroundMark x1="72335" y1="64935" x2="48096" y2="70563"/>
                        <a14:foregroundMark x1="76523" y1="69481" x2="48350" y2="78247"/>
                        <a14:foregroundMark x1="63325" y1="77706" x2="59137" y2="87662"/>
                        <a14:foregroundMark x1="51396" y1="79978" x2="42893" y2="88203"/>
                        <a14:foregroundMark x1="39848" y1="66775" x2="26523" y2="74351"/>
                        <a14:foregroundMark x1="19924" y1="62121" x2="25508" y2="72511"/>
                        <a14:foregroundMark x1="36802" y1="47186" x2="33249" y2="49675"/>
                      </a14:backgroundRemoval>
                    </a14:imgEffect>
                    <a14:imgEffect>
                      <a14:artisticPencilSketch/>
                    </a14:imgEffect>
                    <a14:imgEffect>
                      <a14:brightnessContrast bright="-40000" contrast="-4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r="77210"/>
          <a:stretch/>
        </p:blipFill>
        <p:spPr bwMode="auto">
          <a:xfrm>
            <a:off x="8688977" y="1251948"/>
            <a:ext cx="455023" cy="234104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7828761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2 つの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28650" y="1825625"/>
            <a:ext cx="3886200" cy="435133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29150" y="1825625"/>
            <a:ext cx="3886200" cy="435133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4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84630758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8650" y="1825625"/>
            <a:ext cx="78867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6286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A5224366-730F-436B-A65F-E31F2C95942A}" type="datetimeFigureOut">
              <a:rPr kumimoji="1" lang="ja-JP" altLang="en-US" smtClean="0"/>
              <a:t>2022/11/4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028950" y="6356351"/>
            <a:ext cx="30861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4579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5538684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72" r:id="rId3"/>
    <p:sldLayoutId id="2147483673" r:id="rId4"/>
    <p:sldLayoutId id="2147483674" r:id="rId5"/>
    <p:sldLayoutId id="2147483663" r:id="rId6"/>
    <p:sldLayoutId id="2147483675" r:id="rId7"/>
    <p:sldLayoutId id="2147483676" r:id="rId8"/>
    <p:sldLayoutId id="2147483664" r:id="rId9"/>
    <p:sldLayoutId id="2147483665" r:id="rId10"/>
    <p:sldLayoutId id="2147483666" r:id="rId11"/>
    <p:sldLayoutId id="2147483667" r:id="rId12"/>
    <p:sldLayoutId id="2147483668" r:id="rId13"/>
    <p:sldLayoutId id="2147483669" r:id="rId14"/>
    <p:sldLayoutId id="2147483670" r:id="rId15"/>
    <p:sldLayoutId id="2147483671" r:id="rId16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kumimoji="1"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kumimoji="1"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6" Type="http://schemas.openxmlformats.org/officeDocument/2006/relationships/image" Target="../media/image11.png"/><Relationship Id="rId5" Type="http://schemas.openxmlformats.org/officeDocument/2006/relationships/image" Target="../media/image3.png"/><Relationship Id="rId4" Type="http://schemas.openxmlformats.org/officeDocument/2006/relationships/image" Target="../media/image10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4.xml"/><Relationship Id="rId6" Type="http://schemas.openxmlformats.org/officeDocument/2006/relationships/image" Target="../media/image13.png"/><Relationship Id="rId5" Type="http://schemas.openxmlformats.org/officeDocument/2006/relationships/image" Target="../media/image12.png"/><Relationship Id="rId4" Type="http://schemas.openxmlformats.org/officeDocument/2006/relationships/image" Target="../media/image3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7" Type="http://schemas.openxmlformats.org/officeDocument/2006/relationships/image" Target="../media/image16.pn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5.xml"/><Relationship Id="rId6" Type="http://schemas.microsoft.com/office/2007/relationships/hdphoto" Target="../media/hdphoto5.wdp"/><Relationship Id="rId5" Type="http://schemas.openxmlformats.org/officeDocument/2006/relationships/image" Target="../media/image15.png"/><Relationship Id="rId4" Type="http://schemas.openxmlformats.org/officeDocument/2006/relationships/image" Target="../media/image14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6.xml"/><Relationship Id="rId5" Type="http://schemas.openxmlformats.org/officeDocument/2006/relationships/image" Target="../media/image18.png"/><Relationship Id="rId4" Type="http://schemas.openxmlformats.org/officeDocument/2006/relationships/image" Target="../media/image17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タイトル 5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ctr"/>
            <a:r>
              <a:rPr lang="ja-JP" altLang="en-US" sz="4000" dirty="0"/>
              <a:t>だい</a:t>
            </a:r>
            <a:r>
              <a:rPr lang="en-US" altLang="ja-JP" sz="4000" dirty="0"/>
              <a:t>1</a:t>
            </a:r>
            <a:r>
              <a:rPr lang="ja-JP" altLang="en-US" sz="4000" dirty="0"/>
              <a:t>話</a:t>
            </a:r>
            <a:br>
              <a:rPr lang="en-US" altLang="ja-JP" dirty="0"/>
            </a:br>
            <a:r>
              <a:rPr lang="ja-JP" altLang="en-US" dirty="0"/>
              <a:t>インターネットの</a:t>
            </a:r>
            <a:br>
              <a:rPr lang="en-US" altLang="ja-JP" dirty="0"/>
            </a:br>
            <a:r>
              <a:rPr lang="ja-JP" altLang="en-US" dirty="0"/>
              <a:t>情報は正しいの？</a:t>
            </a:r>
          </a:p>
        </p:txBody>
      </p:sp>
      <p:sp>
        <p:nvSpPr>
          <p:cNvPr id="15" name="テキスト プレースホルダー 14"/>
          <p:cNvSpPr>
            <a:spLocks noGrp="1"/>
          </p:cNvSpPr>
          <p:nvPr>
            <p:ph type="body" sz="quarter" idx="13"/>
          </p:nvPr>
        </p:nvSpPr>
        <p:spPr/>
        <p:txBody>
          <a:bodyPr/>
          <a:lstStyle/>
          <a:p>
            <a:r>
              <a:rPr lang="ja-JP" altLang="en-US" dirty="0"/>
              <a:t>情報モラル教育</a:t>
            </a:r>
          </a:p>
        </p:txBody>
      </p:sp>
      <p:sp>
        <p:nvSpPr>
          <p:cNvPr id="3" name="テキスト ボックス 2">
            <a:extLst>
              <a:ext uri="{FF2B5EF4-FFF2-40B4-BE49-F238E27FC236}">
                <a16:creationId xmlns:a16="http://schemas.microsoft.com/office/drawing/2014/main" id="{3E8D1389-D47F-6BD3-2977-6CF8B324E0DA}"/>
              </a:ext>
            </a:extLst>
          </p:cNvPr>
          <p:cNvSpPr txBox="1"/>
          <p:nvPr/>
        </p:nvSpPr>
        <p:spPr>
          <a:xfrm>
            <a:off x="166663" y="24422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ょうほう</a:t>
            </a:r>
          </a:p>
        </p:txBody>
      </p:sp>
      <p:sp>
        <p:nvSpPr>
          <p:cNvPr id="4" name="テキスト ボックス 3">
            <a:extLst>
              <a:ext uri="{FF2B5EF4-FFF2-40B4-BE49-F238E27FC236}">
                <a16:creationId xmlns:a16="http://schemas.microsoft.com/office/drawing/2014/main" id="{CECAD99E-5595-075E-4C4A-DC229FB7580D}"/>
              </a:ext>
            </a:extLst>
          </p:cNvPr>
          <p:cNvSpPr txBox="1"/>
          <p:nvPr/>
        </p:nvSpPr>
        <p:spPr>
          <a:xfrm>
            <a:off x="1693203" y="24422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きょういく</a:t>
            </a:r>
          </a:p>
        </p:txBody>
      </p:sp>
      <p:sp>
        <p:nvSpPr>
          <p:cNvPr id="5" name="テキスト ボックス 4">
            <a:extLst>
              <a:ext uri="{FF2B5EF4-FFF2-40B4-BE49-F238E27FC236}">
                <a16:creationId xmlns:a16="http://schemas.microsoft.com/office/drawing/2014/main" id="{39AB0226-1A68-5B8D-7D87-D995579F4FD4}"/>
              </a:ext>
            </a:extLst>
          </p:cNvPr>
          <p:cNvSpPr txBox="1"/>
          <p:nvPr/>
        </p:nvSpPr>
        <p:spPr>
          <a:xfrm>
            <a:off x="1759911" y="5039261"/>
            <a:ext cx="1505802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dirty="0">
                <a:solidFill>
                  <a:srgbClr val="613403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ょう　ほう</a:t>
            </a:r>
          </a:p>
        </p:txBody>
      </p:sp>
      <p:sp>
        <p:nvSpPr>
          <p:cNvPr id="7" name="テキスト ボックス 6">
            <a:extLst>
              <a:ext uri="{FF2B5EF4-FFF2-40B4-BE49-F238E27FC236}">
                <a16:creationId xmlns:a16="http://schemas.microsoft.com/office/drawing/2014/main" id="{AFCB0136-D93D-4DFD-9D6F-020BAEAAB072}"/>
              </a:ext>
            </a:extLst>
          </p:cNvPr>
          <p:cNvSpPr txBox="1"/>
          <p:nvPr/>
        </p:nvSpPr>
        <p:spPr>
          <a:xfrm>
            <a:off x="4805829" y="3244334"/>
            <a:ext cx="802491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dirty="0">
                <a:solidFill>
                  <a:srgbClr val="613403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わ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54086452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図 11">
            <a:extLst>
              <a:ext uri="{FF2B5EF4-FFF2-40B4-BE49-F238E27FC236}">
                <a16:creationId xmlns:a16="http://schemas.microsoft.com/office/drawing/2014/main" id="{FD32FE2D-4BE7-B4F1-9A78-AFB09F367164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5302" y="1841414"/>
            <a:ext cx="4257675" cy="5429250"/>
          </a:xfrm>
          <a:prstGeom prst="rect">
            <a:avLst/>
          </a:prstGeom>
        </p:spPr>
      </p:pic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1.</a:t>
            </a:r>
            <a:r>
              <a:rPr lang="ja-JP" altLang="en-US" dirty="0"/>
              <a:t> インターネットの情報は正しいの？</a:t>
            </a:r>
          </a:p>
        </p:txBody>
      </p:sp>
      <p:sp>
        <p:nvSpPr>
          <p:cNvPr id="53" name="テキスト ボックス 52"/>
          <p:cNvSpPr txBox="1"/>
          <p:nvPr/>
        </p:nvSpPr>
        <p:spPr>
          <a:xfrm>
            <a:off x="68348" y="1048261"/>
            <a:ext cx="9075651" cy="5078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鳴門くんは、大すきなマンガについて、しらべていました。</a:t>
            </a:r>
            <a:endParaRPr kumimoji="1" lang="ja-JP" altLang="en-US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  <a:cs typeface="メイリオ" panose="020B0604030504040204" pitchFamily="50" charset="-128"/>
            </a:endParaRPr>
          </a:p>
        </p:txBody>
      </p:sp>
      <p:grpSp>
        <p:nvGrpSpPr>
          <p:cNvPr id="8" name="グループ化 7"/>
          <p:cNvGrpSpPr/>
          <p:nvPr/>
        </p:nvGrpSpPr>
        <p:grpSpPr>
          <a:xfrm>
            <a:off x="2555414" y="1262197"/>
            <a:ext cx="6155928" cy="3245507"/>
            <a:chOff x="3269147" y="1184766"/>
            <a:chExt cx="6155928" cy="3245507"/>
          </a:xfrm>
        </p:grpSpPr>
        <p:grpSp>
          <p:nvGrpSpPr>
            <p:cNvPr id="6" name="グループ化 5"/>
            <p:cNvGrpSpPr/>
            <p:nvPr/>
          </p:nvGrpSpPr>
          <p:grpSpPr>
            <a:xfrm rot="198535">
              <a:off x="3269147" y="1184766"/>
              <a:ext cx="6155928" cy="3245507"/>
              <a:chOff x="-5223648" y="1664841"/>
              <a:chExt cx="5424994" cy="2961661"/>
            </a:xfrm>
          </p:grpSpPr>
          <p:sp>
            <p:nvSpPr>
              <p:cNvPr id="35" name="爆発 2 6"/>
              <p:cNvSpPr/>
              <p:nvPr/>
            </p:nvSpPr>
            <p:spPr>
              <a:xfrm rot="305964">
                <a:off x="-5223648" y="1664841"/>
                <a:ext cx="5424994" cy="2961661"/>
              </a:xfrm>
              <a:prstGeom prst="irregularSeal2">
                <a:avLst/>
              </a:prstGeom>
              <a:solidFill>
                <a:schemeClr val="bg1"/>
              </a:solidFill>
              <a:ln w="38100">
                <a:solidFill>
                  <a:schemeClr val="accent2"/>
                </a:solidFill>
                <a:round/>
              </a:ln>
              <a:effectLst>
                <a:softEdge rad="25400"/>
              </a:effectLst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>
                  <a:solidFill>
                    <a:schemeClr val="dk1"/>
                  </a:solidFill>
                </a:endParaRPr>
              </a:p>
            </p:txBody>
          </p:sp>
          <p:pic>
            <p:nvPicPr>
              <p:cNvPr id="37" name="Picture 4" descr="D:\ryuno\_徳島\コンテンツ制作\集中線.png"/>
              <p:cNvPicPr>
                <a:picLocks noChangeAspect="1" noChangeArrowheads="1"/>
              </p:cNvPicPr>
              <p:nvPr/>
            </p:nvPicPr>
            <p:blipFill>
              <a:blip r:embed="rId5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 rot="292236">
                <a:off x="-5185587" y="1715375"/>
                <a:ext cx="5347869" cy="2869766"/>
              </a:xfrm>
              <a:prstGeom prst="irregularSeal2">
                <a:avLst/>
              </a:prstGeom>
              <a:noFill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  <p:sp>
          <p:nvSpPr>
            <p:cNvPr id="36" name="テキスト ボックス 35"/>
            <p:cNvSpPr txBox="1"/>
            <p:nvPr/>
          </p:nvSpPr>
          <p:spPr>
            <a:xfrm>
              <a:off x="4392210" y="2093243"/>
              <a:ext cx="3805542" cy="150810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>
                <a:spcAft>
                  <a:spcPts val="1200"/>
                </a:spcAft>
              </a:pPr>
              <a:r>
                <a:rPr lang="ja-JP" altLang="en-US" sz="24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ええーっ！</a:t>
              </a:r>
              <a:endParaRPr lang="en-US" altLang="ja-JP" sz="2400" dirty="0">
                <a:solidFill>
                  <a:schemeClr val="accent2">
                    <a:lumMod val="7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  <a:p>
              <a:pPr algn="ctr">
                <a:spcAft>
                  <a:spcPts val="1200"/>
                </a:spcAft>
              </a:pPr>
              <a:r>
                <a:rPr lang="ja-JP" altLang="en-US" sz="2400" b="1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このマンガの最終回って、</a:t>
              </a:r>
              <a:endParaRPr lang="en-US" altLang="ja-JP" sz="2400" b="1" dirty="0">
                <a:solidFill>
                  <a:schemeClr val="accent2">
                    <a:lumMod val="7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  <a:p>
              <a:pPr algn="ctr">
                <a:spcAft>
                  <a:spcPts val="1200"/>
                </a:spcAft>
              </a:pPr>
              <a:r>
                <a:rPr lang="ja-JP" altLang="en-US" sz="2400" b="1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こんな話なんだ。</a:t>
              </a:r>
            </a:p>
          </p:txBody>
        </p:sp>
      </p:grpSp>
      <p:grpSp>
        <p:nvGrpSpPr>
          <p:cNvPr id="13" name="グループ化 12"/>
          <p:cNvGrpSpPr/>
          <p:nvPr/>
        </p:nvGrpSpPr>
        <p:grpSpPr>
          <a:xfrm>
            <a:off x="2841403" y="4486887"/>
            <a:ext cx="3782138" cy="2018670"/>
            <a:chOff x="2606045" y="4567246"/>
            <a:chExt cx="3782138" cy="2018670"/>
          </a:xfrm>
        </p:grpSpPr>
        <p:grpSp>
          <p:nvGrpSpPr>
            <p:cNvPr id="40" name="グループ化 39"/>
            <p:cNvGrpSpPr/>
            <p:nvPr/>
          </p:nvGrpSpPr>
          <p:grpSpPr>
            <a:xfrm>
              <a:off x="2606045" y="4567246"/>
              <a:ext cx="3782138" cy="2018670"/>
              <a:chOff x="79062" y="2313012"/>
              <a:chExt cx="3782138" cy="2018670"/>
            </a:xfrm>
            <a:solidFill>
              <a:srgbClr val="FFFFFF"/>
            </a:solidFill>
          </p:grpSpPr>
          <p:sp>
            <p:nvSpPr>
              <p:cNvPr id="41" name="円/楕円 40"/>
              <p:cNvSpPr/>
              <p:nvPr/>
            </p:nvSpPr>
            <p:spPr>
              <a:xfrm>
                <a:off x="3518217" y="3875494"/>
                <a:ext cx="183844" cy="171240"/>
              </a:xfrm>
              <a:prstGeom prst="ellipse">
                <a:avLst/>
              </a:prstGeom>
              <a:solidFill>
                <a:schemeClr val="bg1"/>
              </a:solidFill>
              <a:ln w="57150" cap="rnd">
                <a:solidFill>
                  <a:schemeClr val="accent2"/>
                </a:solidFill>
                <a:bevel/>
              </a:ln>
              <a:effectLst>
                <a:softEdge rad="31750"/>
              </a:effectLst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/>
              </a:p>
            </p:txBody>
          </p:sp>
          <p:sp>
            <p:nvSpPr>
              <p:cNvPr id="42" name="雲 31"/>
              <p:cNvSpPr/>
              <p:nvPr/>
            </p:nvSpPr>
            <p:spPr>
              <a:xfrm rot="197991">
                <a:off x="79062" y="2313012"/>
                <a:ext cx="3724887" cy="2018670"/>
              </a:xfrm>
              <a:custGeom>
                <a:avLst/>
                <a:gdLst>
                  <a:gd name="connsiteX0" fmla="*/ 3900 w 43200"/>
                  <a:gd name="connsiteY0" fmla="*/ 14370 h 43200"/>
                  <a:gd name="connsiteX1" fmla="*/ 5623 w 43200"/>
                  <a:gd name="connsiteY1" fmla="*/ 6907 h 43200"/>
                  <a:gd name="connsiteX2" fmla="*/ 14005 w 43200"/>
                  <a:gd name="connsiteY2" fmla="*/ 5202 h 43200"/>
                  <a:gd name="connsiteX3" fmla="*/ 22456 w 43200"/>
                  <a:gd name="connsiteY3" fmla="*/ 3432 h 43200"/>
                  <a:gd name="connsiteX4" fmla="*/ 25749 w 43200"/>
                  <a:gd name="connsiteY4" fmla="*/ 200 h 43200"/>
                  <a:gd name="connsiteX5" fmla="*/ 29833 w 43200"/>
                  <a:gd name="connsiteY5" fmla="*/ 2481 h 43200"/>
                  <a:gd name="connsiteX6" fmla="*/ 35463 w 43200"/>
                  <a:gd name="connsiteY6" fmla="*/ 690 h 43200"/>
                  <a:gd name="connsiteX7" fmla="*/ 38318 w 43200"/>
                  <a:gd name="connsiteY7" fmla="*/ 5576 h 43200"/>
                  <a:gd name="connsiteX8" fmla="*/ 41982 w 43200"/>
                  <a:gd name="connsiteY8" fmla="*/ 10318 h 43200"/>
                  <a:gd name="connsiteX9" fmla="*/ 41818 w 43200"/>
                  <a:gd name="connsiteY9" fmla="*/ 15460 h 43200"/>
                  <a:gd name="connsiteX10" fmla="*/ 43016 w 43200"/>
                  <a:gd name="connsiteY10" fmla="*/ 23322 h 43200"/>
                  <a:gd name="connsiteX11" fmla="*/ 37404 w 43200"/>
                  <a:gd name="connsiteY11" fmla="*/ 30204 h 43200"/>
                  <a:gd name="connsiteX12" fmla="*/ 35395 w 43200"/>
                  <a:gd name="connsiteY12" fmla="*/ 36101 h 43200"/>
                  <a:gd name="connsiteX13" fmla="*/ 28555 w 43200"/>
                  <a:gd name="connsiteY13" fmla="*/ 36815 h 43200"/>
                  <a:gd name="connsiteX14" fmla="*/ 23667 w 43200"/>
                  <a:gd name="connsiteY14" fmla="*/ 43106 h 43200"/>
                  <a:gd name="connsiteX15" fmla="*/ 16480 w 43200"/>
                  <a:gd name="connsiteY15" fmla="*/ 39266 h 43200"/>
                  <a:gd name="connsiteX16" fmla="*/ 5804 w 43200"/>
                  <a:gd name="connsiteY16" fmla="*/ 35472 h 43200"/>
                  <a:gd name="connsiteX17" fmla="*/ 1110 w 43200"/>
                  <a:gd name="connsiteY17" fmla="*/ 31250 h 43200"/>
                  <a:gd name="connsiteX18" fmla="*/ 2113 w 43200"/>
                  <a:gd name="connsiteY18" fmla="*/ 25551 h 43200"/>
                  <a:gd name="connsiteX19" fmla="*/ -5 w 43200"/>
                  <a:gd name="connsiteY19" fmla="*/ 19704 h 43200"/>
                  <a:gd name="connsiteX20" fmla="*/ 3863 w 43200"/>
                  <a:gd name="connsiteY20" fmla="*/ 14507 h 43200"/>
                  <a:gd name="connsiteX21" fmla="*/ 3900 w 43200"/>
                  <a:gd name="connsiteY21" fmla="*/ 14370 h 43200"/>
                  <a:gd name="connsiteX0" fmla="*/ 4693 w 43200"/>
                  <a:gd name="connsiteY0" fmla="*/ 26177 h 43200"/>
                  <a:gd name="connsiteX1" fmla="*/ 2160 w 43200"/>
                  <a:gd name="connsiteY1" fmla="*/ 25380 h 43200"/>
                  <a:gd name="connsiteX2" fmla="*/ 6928 w 43200"/>
                  <a:gd name="connsiteY2" fmla="*/ 34899 h 43200"/>
                  <a:gd name="connsiteX3" fmla="*/ 5820 w 43200"/>
                  <a:gd name="connsiteY3" fmla="*/ 35280 h 43200"/>
                  <a:gd name="connsiteX4" fmla="*/ 16478 w 43200"/>
                  <a:gd name="connsiteY4" fmla="*/ 39090 h 43200"/>
                  <a:gd name="connsiteX5" fmla="*/ 15810 w 43200"/>
                  <a:gd name="connsiteY5" fmla="*/ 37350 h 43200"/>
                  <a:gd name="connsiteX6" fmla="*/ 28827 w 43200"/>
                  <a:gd name="connsiteY6" fmla="*/ 34751 h 43200"/>
                  <a:gd name="connsiteX7" fmla="*/ 28560 w 43200"/>
                  <a:gd name="connsiteY7" fmla="*/ 36660 h 43200"/>
                  <a:gd name="connsiteX8" fmla="*/ 34129 w 43200"/>
                  <a:gd name="connsiteY8" fmla="*/ 22954 h 43200"/>
                  <a:gd name="connsiteX9" fmla="*/ 37380 w 43200"/>
                  <a:gd name="connsiteY9" fmla="*/ 30090 h 43200"/>
                  <a:gd name="connsiteX10" fmla="*/ 41798 w 43200"/>
                  <a:gd name="connsiteY10" fmla="*/ 15354 h 43200"/>
                  <a:gd name="connsiteX11" fmla="*/ 40350 w 43200"/>
                  <a:gd name="connsiteY11" fmla="*/ 18030 h 43200"/>
                  <a:gd name="connsiteX12" fmla="*/ 38324 w 43200"/>
                  <a:gd name="connsiteY12" fmla="*/ 5426 h 43200"/>
                  <a:gd name="connsiteX13" fmla="*/ 38400 w 43200"/>
                  <a:gd name="connsiteY13" fmla="*/ 6690 h 43200"/>
                  <a:gd name="connsiteX14" fmla="*/ 29078 w 43200"/>
                  <a:gd name="connsiteY14" fmla="*/ 3952 h 43200"/>
                  <a:gd name="connsiteX15" fmla="*/ 29820 w 43200"/>
                  <a:gd name="connsiteY15" fmla="*/ 2340 h 43200"/>
                  <a:gd name="connsiteX16" fmla="*/ 22141 w 43200"/>
                  <a:gd name="connsiteY16" fmla="*/ 4720 h 43200"/>
                  <a:gd name="connsiteX17" fmla="*/ 22500 w 43200"/>
                  <a:gd name="connsiteY17" fmla="*/ 3330 h 43200"/>
                  <a:gd name="connsiteX18" fmla="*/ 14000 w 43200"/>
                  <a:gd name="connsiteY18" fmla="*/ 5192 h 43200"/>
                  <a:gd name="connsiteX19" fmla="*/ 15300 w 43200"/>
                  <a:gd name="connsiteY19" fmla="*/ 6540 h 43200"/>
                  <a:gd name="connsiteX20" fmla="*/ 4127 w 43200"/>
                  <a:gd name="connsiteY20" fmla="*/ 15789 h 43200"/>
                  <a:gd name="connsiteX21" fmla="*/ 3900 w 43200"/>
                  <a:gd name="connsiteY21" fmla="*/ 14370 h 43200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16514 w 43256"/>
                  <a:gd name="connsiteY4" fmla="*/ 38949 h 43219"/>
                  <a:gd name="connsiteX5" fmla="*/ 15846 w 43256"/>
                  <a:gd name="connsiteY5" fmla="*/ 37209 h 43219"/>
                  <a:gd name="connsiteX6" fmla="*/ 28863 w 43256"/>
                  <a:gd name="connsiteY6" fmla="*/ 34610 h 43219"/>
                  <a:gd name="connsiteX7" fmla="*/ 28596 w 43256"/>
                  <a:gd name="connsiteY7" fmla="*/ 36519 h 43219"/>
                  <a:gd name="connsiteX8" fmla="*/ 36173 w 43256"/>
                  <a:gd name="connsiteY8" fmla="*/ 25158 h 43219"/>
                  <a:gd name="connsiteX9" fmla="*/ 37416 w 43256"/>
                  <a:gd name="connsiteY9" fmla="*/ 29949 h 43219"/>
                  <a:gd name="connsiteX10" fmla="*/ 41834 w 43256"/>
                  <a:gd name="connsiteY10" fmla="*/ 15213 h 43219"/>
                  <a:gd name="connsiteX11" fmla="*/ 40386 w 43256"/>
                  <a:gd name="connsiteY11" fmla="*/ 17889 h 43219"/>
                  <a:gd name="connsiteX12" fmla="*/ 38360 w 43256"/>
                  <a:gd name="connsiteY12" fmla="*/ 5285 h 43219"/>
                  <a:gd name="connsiteX13" fmla="*/ 38436 w 43256"/>
                  <a:gd name="connsiteY13" fmla="*/ 6549 h 43219"/>
                  <a:gd name="connsiteX14" fmla="*/ 29114 w 43256"/>
                  <a:gd name="connsiteY14" fmla="*/ 3811 h 43219"/>
                  <a:gd name="connsiteX15" fmla="*/ 29856 w 43256"/>
                  <a:gd name="connsiteY15" fmla="*/ 2199 h 43219"/>
                  <a:gd name="connsiteX16" fmla="*/ 22177 w 43256"/>
                  <a:gd name="connsiteY16" fmla="*/ 4579 h 43219"/>
                  <a:gd name="connsiteX17" fmla="*/ 22536 w 43256"/>
                  <a:gd name="connsiteY17" fmla="*/ 3189 h 43219"/>
                  <a:gd name="connsiteX18" fmla="*/ 14036 w 43256"/>
                  <a:gd name="connsiteY18" fmla="*/ 5051 h 43219"/>
                  <a:gd name="connsiteX19" fmla="*/ 15336 w 43256"/>
                  <a:gd name="connsiteY19" fmla="*/ 6399 h 43219"/>
                  <a:gd name="connsiteX20" fmla="*/ 4163 w 43256"/>
                  <a:gd name="connsiteY20" fmla="*/ 15648 h 43219"/>
                  <a:gd name="connsiteX21" fmla="*/ 3936 w 43256"/>
                  <a:gd name="connsiteY21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16514 w 43256"/>
                  <a:gd name="connsiteY4" fmla="*/ 38949 h 43219"/>
                  <a:gd name="connsiteX5" fmla="*/ 15846 w 43256"/>
                  <a:gd name="connsiteY5" fmla="*/ 37209 h 43219"/>
                  <a:gd name="connsiteX6" fmla="*/ 28863 w 43256"/>
                  <a:gd name="connsiteY6" fmla="*/ 34610 h 43219"/>
                  <a:gd name="connsiteX7" fmla="*/ 28596 w 43256"/>
                  <a:gd name="connsiteY7" fmla="*/ 36519 h 43219"/>
                  <a:gd name="connsiteX8" fmla="*/ 41834 w 43256"/>
                  <a:gd name="connsiteY8" fmla="*/ 15213 h 43219"/>
                  <a:gd name="connsiteX9" fmla="*/ 40386 w 43256"/>
                  <a:gd name="connsiteY9" fmla="*/ 17889 h 43219"/>
                  <a:gd name="connsiteX10" fmla="*/ 38360 w 43256"/>
                  <a:gd name="connsiteY10" fmla="*/ 5285 h 43219"/>
                  <a:gd name="connsiteX11" fmla="*/ 38436 w 43256"/>
                  <a:gd name="connsiteY11" fmla="*/ 6549 h 43219"/>
                  <a:gd name="connsiteX12" fmla="*/ 29114 w 43256"/>
                  <a:gd name="connsiteY12" fmla="*/ 3811 h 43219"/>
                  <a:gd name="connsiteX13" fmla="*/ 29856 w 43256"/>
                  <a:gd name="connsiteY13" fmla="*/ 2199 h 43219"/>
                  <a:gd name="connsiteX14" fmla="*/ 22177 w 43256"/>
                  <a:gd name="connsiteY14" fmla="*/ 4579 h 43219"/>
                  <a:gd name="connsiteX15" fmla="*/ 22536 w 43256"/>
                  <a:gd name="connsiteY15" fmla="*/ 3189 h 43219"/>
                  <a:gd name="connsiteX16" fmla="*/ 14036 w 43256"/>
                  <a:gd name="connsiteY16" fmla="*/ 5051 h 43219"/>
                  <a:gd name="connsiteX17" fmla="*/ 15336 w 43256"/>
                  <a:gd name="connsiteY17" fmla="*/ 6399 h 43219"/>
                  <a:gd name="connsiteX18" fmla="*/ 4163 w 43256"/>
                  <a:gd name="connsiteY18" fmla="*/ 15648 h 43219"/>
                  <a:gd name="connsiteX19" fmla="*/ 3936 w 43256"/>
                  <a:gd name="connsiteY19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28863 w 43256"/>
                  <a:gd name="connsiteY4" fmla="*/ 34610 h 43219"/>
                  <a:gd name="connsiteX5" fmla="*/ 28596 w 43256"/>
                  <a:gd name="connsiteY5" fmla="*/ 36519 h 43219"/>
                  <a:gd name="connsiteX6" fmla="*/ 41834 w 43256"/>
                  <a:gd name="connsiteY6" fmla="*/ 15213 h 43219"/>
                  <a:gd name="connsiteX7" fmla="*/ 40386 w 43256"/>
                  <a:gd name="connsiteY7" fmla="*/ 17889 h 43219"/>
                  <a:gd name="connsiteX8" fmla="*/ 38360 w 43256"/>
                  <a:gd name="connsiteY8" fmla="*/ 5285 h 43219"/>
                  <a:gd name="connsiteX9" fmla="*/ 38436 w 43256"/>
                  <a:gd name="connsiteY9" fmla="*/ 6549 h 43219"/>
                  <a:gd name="connsiteX10" fmla="*/ 29114 w 43256"/>
                  <a:gd name="connsiteY10" fmla="*/ 3811 h 43219"/>
                  <a:gd name="connsiteX11" fmla="*/ 29856 w 43256"/>
                  <a:gd name="connsiteY11" fmla="*/ 2199 h 43219"/>
                  <a:gd name="connsiteX12" fmla="*/ 22177 w 43256"/>
                  <a:gd name="connsiteY12" fmla="*/ 4579 h 43219"/>
                  <a:gd name="connsiteX13" fmla="*/ 22536 w 43256"/>
                  <a:gd name="connsiteY13" fmla="*/ 3189 h 43219"/>
                  <a:gd name="connsiteX14" fmla="*/ 14036 w 43256"/>
                  <a:gd name="connsiteY14" fmla="*/ 5051 h 43219"/>
                  <a:gd name="connsiteX15" fmla="*/ 15336 w 43256"/>
                  <a:gd name="connsiteY15" fmla="*/ 6399 h 43219"/>
                  <a:gd name="connsiteX16" fmla="*/ 4163 w 43256"/>
                  <a:gd name="connsiteY16" fmla="*/ 15648 h 43219"/>
                  <a:gd name="connsiteX17" fmla="*/ 3936 w 43256"/>
                  <a:gd name="connsiteY17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28863 w 43256"/>
                  <a:gd name="connsiteY2" fmla="*/ 34610 h 43219"/>
                  <a:gd name="connsiteX3" fmla="*/ 28596 w 43256"/>
                  <a:gd name="connsiteY3" fmla="*/ 36519 h 43219"/>
                  <a:gd name="connsiteX4" fmla="*/ 41834 w 43256"/>
                  <a:gd name="connsiteY4" fmla="*/ 15213 h 43219"/>
                  <a:gd name="connsiteX5" fmla="*/ 40386 w 43256"/>
                  <a:gd name="connsiteY5" fmla="*/ 17889 h 43219"/>
                  <a:gd name="connsiteX6" fmla="*/ 38360 w 43256"/>
                  <a:gd name="connsiteY6" fmla="*/ 5285 h 43219"/>
                  <a:gd name="connsiteX7" fmla="*/ 38436 w 43256"/>
                  <a:gd name="connsiteY7" fmla="*/ 6549 h 43219"/>
                  <a:gd name="connsiteX8" fmla="*/ 29114 w 43256"/>
                  <a:gd name="connsiteY8" fmla="*/ 3811 h 43219"/>
                  <a:gd name="connsiteX9" fmla="*/ 29856 w 43256"/>
                  <a:gd name="connsiteY9" fmla="*/ 2199 h 43219"/>
                  <a:gd name="connsiteX10" fmla="*/ 22177 w 43256"/>
                  <a:gd name="connsiteY10" fmla="*/ 4579 h 43219"/>
                  <a:gd name="connsiteX11" fmla="*/ 22536 w 43256"/>
                  <a:gd name="connsiteY11" fmla="*/ 3189 h 43219"/>
                  <a:gd name="connsiteX12" fmla="*/ 14036 w 43256"/>
                  <a:gd name="connsiteY12" fmla="*/ 5051 h 43219"/>
                  <a:gd name="connsiteX13" fmla="*/ 15336 w 43256"/>
                  <a:gd name="connsiteY13" fmla="*/ 6399 h 43219"/>
                  <a:gd name="connsiteX14" fmla="*/ 4163 w 43256"/>
                  <a:gd name="connsiteY14" fmla="*/ 15648 h 43219"/>
                  <a:gd name="connsiteX15" fmla="*/ 3936 w 43256"/>
                  <a:gd name="connsiteY15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10" fmla="*/ 14036 w 43256"/>
                  <a:gd name="connsiteY10" fmla="*/ 5051 h 43219"/>
                  <a:gd name="connsiteX11" fmla="*/ 15336 w 43256"/>
                  <a:gd name="connsiteY11" fmla="*/ 6399 h 43219"/>
                  <a:gd name="connsiteX12" fmla="*/ 4163 w 43256"/>
                  <a:gd name="connsiteY12" fmla="*/ 15648 h 43219"/>
                  <a:gd name="connsiteX13" fmla="*/ 3936 w 43256"/>
                  <a:gd name="connsiteY13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10" fmla="*/ 14036 w 43256"/>
                  <a:gd name="connsiteY10" fmla="*/ 5051 h 43219"/>
                  <a:gd name="connsiteX11" fmla="*/ 15336 w 43256"/>
                  <a:gd name="connsiteY11" fmla="*/ 63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45 w 43256"/>
                  <a:gd name="connsiteY0" fmla="*/ 34309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734 w 43256"/>
                  <a:gd name="connsiteY0" fmla="*/ 35017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8996 w 43256"/>
                  <a:gd name="connsiteY12" fmla="*/ 35250 h 43219"/>
                  <a:gd name="connsiteX13" fmla="*/ 35431 w 43256"/>
                  <a:gd name="connsiteY13" fmla="*/ 35960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8996 w 43256"/>
                  <a:gd name="connsiteY12" fmla="*/ 35250 h 43219"/>
                  <a:gd name="connsiteX13" fmla="*/ 35431 w 43256"/>
                  <a:gd name="connsiteY13" fmla="*/ 35960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146 w 43256"/>
                  <a:gd name="connsiteY13" fmla="*/ 35318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146 w 43256"/>
                  <a:gd name="connsiteY13" fmla="*/ 35318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12 w 43256"/>
                  <a:gd name="connsiteY13" fmla="*/ 35606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3256" h="43219">
                    <a:moveTo>
                      <a:pt x="3936" y="14229"/>
                    </a:moveTo>
                    <a:cubicBezTo>
                      <a:pt x="3665" y="11516"/>
                      <a:pt x="4297" y="8780"/>
                      <a:pt x="5659" y="6766"/>
                    </a:cubicBezTo>
                    <a:cubicBezTo>
                      <a:pt x="7811" y="3585"/>
                      <a:pt x="11300" y="2876"/>
                      <a:pt x="14041" y="5061"/>
                    </a:cubicBezTo>
                    <a:cubicBezTo>
                      <a:pt x="15714" y="768"/>
                      <a:pt x="19950" y="-119"/>
                      <a:pt x="22492" y="3291"/>
                    </a:cubicBezTo>
                    <a:cubicBezTo>
                      <a:pt x="23133" y="1542"/>
                      <a:pt x="24364" y="333"/>
                      <a:pt x="25785" y="59"/>
                    </a:cubicBezTo>
                    <a:cubicBezTo>
                      <a:pt x="27349" y="-243"/>
                      <a:pt x="28911" y="629"/>
                      <a:pt x="29869" y="2340"/>
                    </a:cubicBezTo>
                    <a:cubicBezTo>
                      <a:pt x="31251" y="126"/>
                      <a:pt x="33537" y="-601"/>
                      <a:pt x="35499" y="549"/>
                    </a:cubicBezTo>
                    <a:cubicBezTo>
                      <a:pt x="36994" y="1425"/>
                      <a:pt x="38066" y="3259"/>
                      <a:pt x="38354" y="5435"/>
                    </a:cubicBezTo>
                    <a:cubicBezTo>
                      <a:pt x="40082" y="6077"/>
                      <a:pt x="41458" y="7857"/>
                      <a:pt x="42018" y="10177"/>
                    </a:cubicBezTo>
                    <a:cubicBezTo>
                      <a:pt x="42425" y="11861"/>
                      <a:pt x="42367" y="13690"/>
                      <a:pt x="41854" y="15319"/>
                    </a:cubicBezTo>
                    <a:cubicBezTo>
                      <a:pt x="43115" y="17553"/>
                      <a:pt x="43556" y="20449"/>
                      <a:pt x="43052" y="23181"/>
                    </a:cubicBezTo>
                    <a:cubicBezTo>
                      <a:pt x="42382" y="26813"/>
                      <a:pt x="40164" y="29533"/>
                      <a:pt x="37440" y="30063"/>
                    </a:cubicBezTo>
                    <a:cubicBezTo>
                      <a:pt x="37480" y="30755"/>
                      <a:pt x="37355" y="31595"/>
                      <a:pt x="37012" y="32109"/>
                    </a:cubicBezTo>
                    <a:cubicBezTo>
                      <a:pt x="37971" y="31489"/>
                      <a:pt x="40489" y="32793"/>
                      <a:pt x="39313" y="36007"/>
                    </a:cubicBezTo>
                    <a:cubicBezTo>
                      <a:pt x="38504" y="38128"/>
                      <a:pt x="35744" y="37404"/>
                      <a:pt x="36050" y="35003"/>
                    </a:cubicBezTo>
                    <a:cubicBezTo>
                      <a:pt x="35764" y="35454"/>
                      <a:pt x="35423" y="35938"/>
                      <a:pt x="35118" y="36183"/>
                    </a:cubicBezTo>
                    <a:cubicBezTo>
                      <a:pt x="34125" y="36981"/>
                      <a:pt x="30740" y="38498"/>
                      <a:pt x="28591" y="36674"/>
                    </a:cubicBezTo>
                    <a:cubicBezTo>
                      <a:pt x="27896" y="39807"/>
                      <a:pt x="26035" y="42202"/>
                      <a:pt x="23703" y="42965"/>
                    </a:cubicBezTo>
                    <a:cubicBezTo>
                      <a:pt x="20955" y="43864"/>
                      <a:pt x="18087" y="42332"/>
                      <a:pt x="16516" y="39125"/>
                    </a:cubicBezTo>
                    <a:cubicBezTo>
                      <a:pt x="12808" y="42169"/>
                      <a:pt x="7992" y="40458"/>
                      <a:pt x="5840" y="35331"/>
                    </a:cubicBezTo>
                    <a:cubicBezTo>
                      <a:pt x="3726" y="35668"/>
                      <a:pt x="1741" y="33883"/>
                      <a:pt x="1146" y="31109"/>
                    </a:cubicBezTo>
                    <a:cubicBezTo>
                      <a:pt x="715" y="29102"/>
                      <a:pt x="1096" y="26936"/>
                      <a:pt x="2149" y="25410"/>
                    </a:cubicBezTo>
                    <a:cubicBezTo>
                      <a:pt x="655" y="24213"/>
                      <a:pt x="-177" y="21916"/>
                      <a:pt x="31" y="19563"/>
                    </a:cubicBezTo>
                    <a:cubicBezTo>
                      <a:pt x="275" y="16808"/>
                      <a:pt x="1881" y="14650"/>
                      <a:pt x="3899" y="14366"/>
                    </a:cubicBezTo>
                    <a:cubicBezTo>
                      <a:pt x="3911" y="14320"/>
                      <a:pt x="3924" y="14275"/>
                      <a:pt x="3936" y="14229"/>
                    </a:cubicBezTo>
                    <a:close/>
                  </a:path>
                  <a:path w="43256" h="43219" fill="none" extrusionOk="0">
                    <a:moveTo>
                      <a:pt x="28619" y="36455"/>
                    </a:moveTo>
                    <a:cubicBezTo>
                      <a:pt x="28580" y="37102"/>
                      <a:pt x="28734" y="35897"/>
                      <a:pt x="28596" y="36519"/>
                    </a:cubicBezTo>
                  </a:path>
                </a:pathLst>
              </a:custGeom>
              <a:solidFill>
                <a:schemeClr val="bg1"/>
              </a:solidFill>
              <a:ln w="57150" cap="rnd">
                <a:solidFill>
                  <a:schemeClr val="accent2"/>
                </a:solidFill>
                <a:bevel/>
              </a:ln>
              <a:effectLst>
                <a:glow rad="63500">
                  <a:schemeClr val="accent2">
                    <a:satMod val="175000"/>
                    <a:alpha val="40000"/>
                  </a:schemeClr>
                </a:glow>
                <a:softEdge rad="31750"/>
              </a:effectLst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>
                  <a:solidFill>
                    <a:schemeClr val="accent2">
                      <a:lumMod val="50000"/>
                    </a:schemeClr>
                  </a:solidFill>
                </a:endParaRPr>
              </a:p>
            </p:txBody>
          </p:sp>
          <p:sp>
            <p:nvSpPr>
              <p:cNvPr id="43" name="円/楕円 42"/>
              <p:cNvSpPr/>
              <p:nvPr/>
            </p:nvSpPr>
            <p:spPr>
              <a:xfrm>
                <a:off x="3742927" y="3831859"/>
                <a:ext cx="118273" cy="110164"/>
              </a:xfrm>
              <a:prstGeom prst="ellipse">
                <a:avLst/>
              </a:prstGeom>
              <a:solidFill>
                <a:schemeClr val="bg1"/>
              </a:solidFill>
              <a:ln w="57150" cap="rnd">
                <a:solidFill>
                  <a:schemeClr val="accent2"/>
                </a:solidFill>
                <a:bevel/>
              </a:ln>
              <a:effectLst>
                <a:softEdge rad="31750"/>
              </a:effectLst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/>
              </a:p>
            </p:txBody>
          </p:sp>
        </p:grpSp>
        <p:sp>
          <p:nvSpPr>
            <p:cNvPr id="65" name="テキスト ボックス 64"/>
            <p:cNvSpPr txBox="1"/>
            <p:nvPr/>
          </p:nvSpPr>
          <p:spPr>
            <a:xfrm>
              <a:off x="2842422" y="5224257"/>
              <a:ext cx="3352163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kumimoji="1" lang="ja-JP" altLang="en-US" sz="24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明日、友達にも</a:t>
              </a:r>
              <a:endParaRPr kumimoji="1" lang="en-US" altLang="ja-JP" sz="2400" dirty="0">
                <a:solidFill>
                  <a:schemeClr val="accent2">
                    <a:lumMod val="7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  <a:p>
              <a:r>
                <a:rPr lang="ja-JP" altLang="en-US" sz="24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おしえてあげようっと。</a:t>
              </a:r>
              <a:endParaRPr kumimoji="1" lang="ja-JP" altLang="en-US" sz="2400" dirty="0">
                <a:solidFill>
                  <a:schemeClr val="accent2">
                    <a:lumMod val="7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</p:txBody>
        </p:sp>
      </p:grpSp>
      <p:pic>
        <p:nvPicPr>
          <p:cNvPr id="33" name="図 32"/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8662" t="12114" r="23122"/>
          <a:stretch/>
        </p:blipFill>
        <p:spPr>
          <a:xfrm>
            <a:off x="6420731" y="2771774"/>
            <a:ext cx="2771775" cy="4184453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7" name="テキスト ボックス 46"/>
          <p:cNvSpPr txBox="1"/>
          <p:nvPr/>
        </p:nvSpPr>
        <p:spPr>
          <a:xfrm>
            <a:off x="6898957" y="6387555"/>
            <a:ext cx="2002972" cy="403644"/>
          </a:xfrm>
          <a:prstGeom prst="rect">
            <a:avLst/>
          </a:prstGeom>
          <a:solidFill>
            <a:srgbClr val="FFFFFF"/>
          </a:solidFill>
          <a:ln w="57150" cmpd="thickThin">
            <a:solidFill>
              <a:schemeClr val="accent6">
                <a:lumMod val="50000"/>
              </a:schemeClr>
            </a:solidFill>
          </a:ln>
        </p:spPr>
        <p:txBody>
          <a:bodyPr wrap="square" tIns="72000" rtlCol="0" anchor="ctr">
            <a:noAutofit/>
          </a:bodyPr>
          <a:lstStyle/>
          <a:p>
            <a:pPr algn="ctr"/>
            <a:r>
              <a:rPr lang="ja-JP" altLang="en-US" sz="1400" dirty="0">
                <a:solidFill>
                  <a:schemeClr val="tx1">
                    <a:lumMod val="85000"/>
                    <a:lumOff val="1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鳴門（なると</a:t>
            </a:r>
            <a:r>
              <a:rPr kumimoji="1" lang="ja-JP" altLang="en-US" sz="1400" dirty="0">
                <a:solidFill>
                  <a:schemeClr val="tx1">
                    <a:lumMod val="85000"/>
                    <a:lumOff val="1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）くん</a:t>
            </a:r>
          </a:p>
        </p:txBody>
      </p:sp>
      <p:grpSp>
        <p:nvGrpSpPr>
          <p:cNvPr id="11" name="グループ化 10">
            <a:extLst>
              <a:ext uri="{FF2B5EF4-FFF2-40B4-BE49-F238E27FC236}">
                <a16:creationId xmlns:a16="http://schemas.microsoft.com/office/drawing/2014/main" id="{BE7EA3CB-6564-F487-7E58-52BCEAA60CE0}"/>
              </a:ext>
            </a:extLst>
          </p:cNvPr>
          <p:cNvGrpSpPr/>
          <p:nvPr/>
        </p:nvGrpSpPr>
        <p:grpSpPr>
          <a:xfrm>
            <a:off x="3186130" y="4954666"/>
            <a:ext cx="1567438" cy="276999"/>
            <a:chOff x="3186130" y="4954666"/>
            <a:chExt cx="1567438" cy="276999"/>
          </a:xfrm>
        </p:grpSpPr>
        <p:sp>
          <p:nvSpPr>
            <p:cNvPr id="3" name="テキスト ボックス 2">
              <a:extLst>
                <a:ext uri="{FF2B5EF4-FFF2-40B4-BE49-F238E27FC236}">
                  <a16:creationId xmlns:a16="http://schemas.microsoft.com/office/drawing/2014/main" id="{6BE29838-E983-F153-C0CE-B1374E0B7C02}"/>
                </a:ext>
              </a:extLst>
            </p:cNvPr>
            <p:cNvSpPr txBox="1"/>
            <p:nvPr/>
          </p:nvSpPr>
          <p:spPr>
            <a:xfrm>
              <a:off x="3186130" y="4954666"/>
              <a:ext cx="643214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ja-JP" altLang="en-US" sz="1200" dirty="0">
                  <a:solidFill>
                    <a:schemeClr val="accent2">
                      <a:lumMod val="7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あした</a:t>
              </a:r>
              <a:endParaRPr kumimoji="1" lang="ja-JP" altLang="en-US" sz="1200" dirty="0">
                <a:solidFill>
                  <a:schemeClr val="accent2">
                    <a:lumMod val="7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</p:txBody>
        </p:sp>
        <p:sp>
          <p:nvSpPr>
            <p:cNvPr id="4" name="テキスト ボックス 3">
              <a:extLst>
                <a:ext uri="{FF2B5EF4-FFF2-40B4-BE49-F238E27FC236}">
                  <a16:creationId xmlns:a16="http://schemas.microsoft.com/office/drawing/2014/main" id="{8B96B2E8-8059-2D4E-3FB6-FEDF812F010D}"/>
                </a:ext>
              </a:extLst>
            </p:cNvPr>
            <p:cNvSpPr txBox="1"/>
            <p:nvPr/>
          </p:nvSpPr>
          <p:spPr>
            <a:xfrm>
              <a:off x="4009883" y="4954666"/>
              <a:ext cx="743685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accent2">
                      <a:lumMod val="7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ともだち</a:t>
              </a:r>
            </a:p>
          </p:txBody>
        </p:sp>
      </p:grpSp>
      <p:grpSp>
        <p:nvGrpSpPr>
          <p:cNvPr id="5" name="グループ化 4">
            <a:extLst>
              <a:ext uri="{FF2B5EF4-FFF2-40B4-BE49-F238E27FC236}">
                <a16:creationId xmlns:a16="http://schemas.microsoft.com/office/drawing/2014/main" id="{2140DD01-A408-E601-1F43-D03DB64CBFED}"/>
              </a:ext>
            </a:extLst>
          </p:cNvPr>
          <p:cNvGrpSpPr/>
          <p:nvPr/>
        </p:nvGrpSpPr>
        <p:grpSpPr>
          <a:xfrm>
            <a:off x="5083910" y="2479706"/>
            <a:ext cx="1490316" cy="801220"/>
            <a:chOff x="5083910" y="2479706"/>
            <a:chExt cx="1490316" cy="801220"/>
          </a:xfrm>
        </p:grpSpPr>
        <p:sp>
          <p:nvSpPr>
            <p:cNvPr id="7" name="テキスト ボックス 6">
              <a:extLst>
                <a:ext uri="{FF2B5EF4-FFF2-40B4-BE49-F238E27FC236}">
                  <a16:creationId xmlns:a16="http://schemas.microsoft.com/office/drawing/2014/main" id="{3CD65698-0B4B-7017-FDD0-4CF140BDF445}"/>
                </a:ext>
              </a:extLst>
            </p:cNvPr>
            <p:cNvSpPr txBox="1"/>
            <p:nvPr/>
          </p:nvSpPr>
          <p:spPr>
            <a:xfrm>
              <a:off x="5479250" y="2479706"/>
              <a:ext cx="1094976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accent2">
                      <a:lumMod val="7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さいしゅうかい</a:t>
              </a:r>
            </a:p>
          </p:txBody>
        </p:sp>
        <p:sp>
          <p:nvSpPr>
            <p:cNvPr id="9" name="テキスト ボックス 8">
              <a:extLst>
                <a:ext uri="{FF2B5EF4-FFF2-40B4-BE49-F238E27FC236}">
                  <a16:creationId xmlns:a16="http://schemas.microsoft.com/office/drawing/2014/main" id="{6ACA7C13-796A-F42F-5C7B-B97EBFDDF204}"/>
                </a:ext>
              </a:extLst>
            </p:cNvPr>
            <p:cNvSpPr txBox="1"/>
            <p:nvPr/>
          </p:nvSpPr>
          <p:spPr>
            <a:xfrm>
              <a:off x="5083910" y="3003927"/>
              <a:ext cx="662269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accent2">
                      <a:lumMod val="7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はなし</a:t>
              </a:r>
            </a:p>
          </p:txBody>
        </p:sp>
      </p:grpSp>
      <p:sp>
        <p:nvSpPr>
          <p:cNvPr id="10" name="テキスト ボックス 9">
            <a:extLst>
              <a:ext uri="{FF2B5EF4-FFF2-40B4-BE49-F238E27FC236}">
                <a16:creationId xmlns:a16="http://schemas.microsoft.com/office/drawing/2014/main" id="{29358C6E-8FC2-00C9-2FF3-25747906E5E9}"/>
              </a:ext>
            </a:extLst>
          </p:cNvPr>
          <p:cNvSpPr txBox="1"/>
          <p:nvPr/>
        </p:nvSpPr>
        <p:spPr>
          <a:xfrm>
            <a:off x="145644" y="859340"/>
            <a:ext cx="7221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なると</a:t>
            </a:r>
          </a:p>
        </p:txBody>
      </p:sp>
      <p:sp>
        <p:nvSpPr>
          <p:cNvPr id="14" name="テキスト ボックス 13">
            <a:extLst>
              <a:ext uri="{FF2B5EF4-FFF2-40B4-BE49-F238E27FC236}">
                <a16:creationId xmlns:a16="http://schemas.microsoft.com/office/drawing/2014/main" id="{6C736853-2266-AE50-534E-E83610C22F1A}"/>
              </a:ext>
            </a:extLst>
          </p:cNvPr>
          <p:cNvSpPr txBox="1"/>
          <p:nvPr/>
        </p:nvSpPr>
        <p:spPr>
          <a:xfrm rot="21180000">
            <a:off x="739810" y="2725385"/>
            <a:ext cx="2347650" cy="67710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dirty="0">
                <a:solidFill>
                  <a:schemeClr val="bg1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最終回の</a:t>
            </a:r>
            <a:br>
              <a:rPr kumimoji="1" lang="en-US" altLang="ja-JP" b="1" dirty="0">
                <a:solidFill>
                  <a:schemeClr val="bg1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</a:br>
            <a:r>
              <a:rPr kumimoji="1" lang="ja-JP" altLang="en-US" sz="2000" b="1" dirty="0">
                <a:solidFill>
                  <a:srgbClr val="FF00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ネタバレ！</a:t>
            </a:r>
            <a:endParaRPr kumimoji="1" lang="ja-JP" altLang="en-US" b="1" dirty="0">
              <a:solidFill>
                <a:srgbClr val="FF0000"/>
              </a:solidFill>
              <a:latin typeface="メイリオ" panose="020B0604030504040204" pitchFamily="50" charset="-128"/>
              <a:ea typeface="メイリオ" panose="020B0604030504040204" pitchFamily="50" charset="-128"/>
              <a:cs typeface="メイリオ" panose="020B0604030504040204" pitchFamily="50" charset="-128"/>
            </a:endParaRPr>
          </a:p>
        </p:txBody>
      </p:sp>
      <p:sp>
        <p:nvSpPr>
          <p:cNvPr id="15" name="テキスト ボックス 14">
            <a:extLst>
              <a:ext uri="{FF2B5EF4-FFF2-40B4-BE49-F238E27FC236}">
                <a16:creationId xmlns:a16="http://schemas.microsoft.com/office/drawing/2014/main" id="{8FE17602-E4FF-36AC-B2EA-8AF8536366A1}"/>
              </a:ext>
            </a:extLst>
          </p:cNvPr>
          <p:cNvSpPr txBox="1"/>
          <p:nvPr/>
        </p:nvSpPr>
        <p:spPr>
          <a:xfrm rot="21180000">
            <a:off x="1247882" y="2560840"/>
            <a:ext cx="971630" cy="2616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100" dirty="0">
                <a:solidFill>
                  <a:schemeClr val="bg1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さいしゅうかい</a:t>
            </a:r>
          </a:p>
        </p:txBody>
      </p:sp>
      <p:sp>
        <p:nvSpPr>
          <p:cNvPr id="16" name="テキスト ボックス 15">
            <a:extLst>
              <a:ext uri="{FF2B5EF4-FFF2-40B4-BE49-F238E27FC236}">
                <a16:creationId xmlns:a16="http://schemas.microsoft.com/office/drawing/2014/main" id="{3411E130-FAC9-4636-3E77-7F9C72719D08}"/>
              </a:ext>
            </a:extLst>
          </p:cNvPr>
          <p:cNvSpPr txBox="1"/>
          <p:nvPr/>
        </p:nvSpPr>
        <p:spPr>
          <a:xfrm rot="21180000">
            <a:off x="1077576" y="4594473"/>
            <a:ext cx="2599069" cy="11695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kumimoji="1" lang="ja-JP" altLang="en-US" dirty="0">
                <a:solidFill>
                  <a:schemeClr val="bg1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なんと、ライバルの</a:t>
            </a:r>
            <a:br>
              <a:rPr kumimoji="1" lang="en-US" altLang="ja-JP" dirty="0">
                <a:solidFill>
                  <a:schemeClr val="bg1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</a:br>
            <a:r>
              <a:rPr lang="ja-JP" altLang="en-US" dirty="0">
                <a:solidFill>
                  <a:schemeClr val="bg1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かぼすちゃんと</a:t>
            </a:r>
            <a:endParaRPr lang="en-US" altLang="ja-JP" dirty="0">
              <a:solidFill>
                <a:schemeClr val="bg1"/>
              </a:solidFill>
              <a:latin typeface="メイリオ" panose="020B0604030504040204" pitchFamily="50" charset="-128"/>
              <a:ea typeface="メイリオ" panose="020B0604030504040204" pitchFamily="50" charset="-128"/>
              <a:cs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kumimoji="1" lang="ja-JP" altLang="en-US" sz="2400" dirty="0">
                <a:solidFill>
                  <a:schemeClr val="bg1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結婚？！</a:t>
            </a:r>
          </a:p>
        </p:txBody>
      </p:sp>
      <p:sp>
        <p:nvSpPr>
          <p:cNvPr id="17" name="テキスト ボックス 16">
            <a:extLst>
              <a:ext uri="{FF2B5EF4-FFF2-40B4-BE49-F238E27FC236}">
                <a16:creationId xmlns:a16="http://schemas.microsoft.com/office/drawing/2014/main" id="{AEA235C7-88C4-66D3-0A9B-DF1B621AD934}"/>
              </a:ext>
            </a:extLst>
          </p:cNvPr>
          <p:cNvSpPr txBox="1"/>
          <p:nvPr/>
        </p:nvSpPr>
        <p:spPr>
          <a:xfrm rot="21180000">
            <a:off x="1149625" y="5231599"/>
            <a:ext cx="686120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bg1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けっこん</a:t>
            </a:r>
          </a:p>
        </p:txBody>
      </p:sp>
      <p:sp>
        <p:nvSpPr>
          <p:cNvPr id="18" name="テキスト ボックス 17">
            <a:extLst>
              <a:ext uri="{FF2B5EF4-FFF2-40B4-BE49-F238E27FC236}">
                <a16:creationId xmlns:a16="http://schemas.microsoft.com/office/drawing/2014/main" id="{AB7CB4B5-10B9-3F7A-633D-CBD2B7D75E74}"/>
              </a:ext>
            </a:extLst>
          </p:cNvPr>
          <p:cNvSpPr txBox="1"/>
          <p:nvPr/>
        </p:nvSpPr>
        <p:spPr>
          <a:xfrm>
            <a:off x="2838665" y="44742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ょうほう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6269620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" name="グループ化 2"/>
          <p:cNvGrpSpPr/>
          <p:nvPr/>
        </p:nvGrpSpPr>
        <p:grpSpPr>
          <a:xfrm>
            <a:off x="4794984" y="1985754"/>
            <a:ext cx="5441831" cy="2427985"/>
            <a:chOff x="4949729" y="1901346"/>
            <a:chExt cx="5441831" cy="2427985"/>
          </a:xfrm>
        </p:grpSpPr>
        <p:grpSp>
          <p:nvGrpSpPr>
            <p:cNvPr id="12" name="グループ化 11"/>
            <p:cNvGrpSpPr/>
            <p:nvPr/>
          </p:nvGrpSpPr>
          <p:grpSpPr>
            <a:xfrm rot="634344">
              <a:off x="4949729" y="1901346"/>
              <a:ext cx="5441831" cy="2427985"/>
              <a:chOff x="-5233859" y="1921105"/>
              <a:chExt cx="5424994" cy="2704889"/>
            </a:xfrm>
          </p:grpSpPr>
          <p:sp>
            <p:nvSpPr>
              <p:cNvPr id="13" name="爆発 2 6"/>
              <p:cNvSpPr/>
              <p:nvPr/>
            </p:nvSpPr>
            <p:spPr>
              <a:xfrm rot="305964">
                <a:off x="-5233859" y="1921105"/>
                <a:ext cx="5424994" cy="2704889"/>
              </a:xfrm>
              <a:prstGeom prst="irregularSeal2">
                <a:avLst/>
              </a:prstGeom>
              <a:solidFill>
                <a:schemeClr val="bg1"/>
              </a:solidFill>
              <a:ln w="38100">
                <a:solidFill>
                  <a:schemeClr val="accent6">
                    <a:lumMod val="75000"/>
                  </a:schemeClr>
                </a:solidFill>
                <a:round/>
              </a:ln>
              <a:effectLst>
                <a:softEdge rad="38100"/>
              </a:effectLst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 dirty="0">
                  <a:solidFill>
                    <a:schemeClr val="dk1"/>
                  </a:solidFill>
                </a:endParaRPr>
              </a:p>
            </p:txBody>
          </p:sp>
          <p:pic>
            <p:nvPicPr>
              <p:cNvPr id="16" name="Picture 4" descr="D:\ryuno\_徳島\コンテンツ制作\集中線.png"/>
              <p:cNvPicPr>
                <a:picLocks noChangeAspect="1" noChangeArrowheads="1"/>
              </p:cNvPicPr>
              <p:nvPr/>
            </p:nvPicPr>
            <p:blipFill>
              <a:blip r:embed="rId4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 rot="292236">
                <a:off x="-5197036" y="2016203"/>
                <a:ext cx="5347869" cy="2568394"/>
              </a:xfrm>
              <a:prstGeom prst="irregularSeal2">
                <a:avLst/>
              </a:prstGeom>
              <a:noFill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  <p:sp>
          <p:nvSpPr>
            <p:cNvPr id="17" name="テキスト ボックス 16"/>
            <p:cNvSpPr txBox="1"/>
            <p:nvPr/>
          </p:nvSpPr>
          <p:spPr>
            <a:xfrm rot="435809">
              <a:off x="5713317" y="2685940"/>
              <a:ext cx="3805542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ja-JP" altLang="en-US" sz="2400" dirty="0">
                  <a:solidFill>
                    <a:schemeClr val="accent6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え～、ホントかよ。</a:t>
              </a:r>
              <a:endParaRPr lang="en-US" altLang="ja-JP" sz="2400" dirty="0">
                <a:solidFill>
                  <a:schemeClr val="accent6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  <a:p>
              <a:pPr algn="ctr"/>
              <a:r>
                <a:rPr lang="ja-JP" altLang="en-US" sz="2400" dirty="0">
                  <a:solidFill>
                    <a:schemeClr val="accent6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ウソじゃないの。</a:t>
              </a:r>
            </a:p>
          </p:txBody>
        </p:sp>
      </p:grpSp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1.</a:t>
            </a:r>
            <a:r>
              <a:rPr lang="ja-JP" altLang="en-US" dirty="0"/>
              <a:t> インターネットの情報は正しいの？</a:t>
            </a:r>
          </a:p>
        </p:txBody>
      </p:sp>
      <p:sp>
        <p:nvSpPr>
          <p:cNvPr id="53" name="テキスト ボックス 52"/>
          <p:cNvSpPr txBox="1"/>
          <p:nvPr/>
        </p:nvSpPr>
        <p:spPr>
          <a:xfrm>
            <a:off x="68349" y="1048261"/>
            <a:ext cx="8843422" cy="149271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つぎの日、ホームページに書いてあったことを、友達に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話したところ、ウソをついていると言われ、ケンカになってしまいました。</a:t>
            </a:r>
          </a:p>
        </p:txBody>
      </p:sp>
      <p:grpSp>
        <p:nvGrpSpPr>
          <p:cNvPr id="8" name="グループ化 7"/>
          <p:cNvGrpSpPr/>
          <p:nvPr/>
        </p:nvGrpSpPr>
        <p:grpSpPr>
          <a:xfrm>
            <a:off x="567651" y="2445314"/>
            <a:ext cx="4118170" cy="2165888"/>
            <a:chOff x="567651" y="2445314"/>
            <a:chExt cx="4118170" cy="2165888"/>
          </a:xfrm>
        </p:grpSpPr>
        <p:sp>
          <p:nvSpPr>
            <p:cNvPr id="14" name="雲 31"/>
            <p:cNvSpPr/>
            <p:nvPr/>
          </p:nvSpPr>
          <p:spPr>
            <a:xfrm rot="21258141" flipH="1">
              <a:off x="567651" y="2445314"/>
              <a:ext cx="4118170" cy="2165888"/>
            </a:xfrm>
            <a:custGeom>
              <a:avLst/>
              <a:gdLst>
                <a:gd name="connsiteX0" fmla="*/ 3900 w 43200"/>
                <a:gd name="connsiteY0" fmla="*/ 14370 h 43200"/>
                <a:gd name="connsiteX1" fmla="*/ 5623 w 43200"/>
                <a:gd name="connsiteY1" fmla="*/ 6907 h 43200"/>
                <a:gd name="connsiteX2" fmla="*/ 14005 w 43200"/>
                <a:gd name="connsiteY2" fmla="*/ 5202 h 43200"/>
                <a:gd name="connsiteX3" fmla="*/ 22456 w 43200"/>
                <a:gd name="connsiteY3" fmla="*/ 3432 h 43200"/>
                <a:gd name="connsiteX4" fmla="*/ 25749 w 43200"/>
                <a:gd name="connsiteY4" fmla="*/ 200 h 43200"/>
                <a:gd name="connsiteX5" fmla="*/ 29833 w 43200"/>
                <a:gd name="connsiteY5" fmla="*/ 2481 h 43200"/>
                <a:gd name="connsiteX6" fmla="*/ 35463 w 43200"/>
                <a:gd name="connsiteY6" fmla="*/ 690 h 43200"/>
                <a:gd name="connsiteX7" fmla="*/ 38318 w 43200"/>
                <a:gd name="connsiteY7" fmla="*/ 5576 h 43200"/>
                <a:gd name="connsiteX8" fmla="*/ 41982 w 43200"/>
                <a:gd name="connsiteY8" fmla="*/ 10318 h 43200"/>
                <a:gd name="connsiteX9" fmla="*/ 41818 w 43200"/>
                <a:gd name="connsiteY9" fmla="*/ 15460 h 43200"/>
                <a:gd name="connsiteX10" fmla="*/ 43016 w 43200"/>
                <a:gd name="connsiteY10" fmla="*/ 23322 h 43200"/>
                <a:gd name="connsiteX11" fmla="*/ 37404 w 43200"/>
                <a:gd name="connsiteY11" fmla="*/ 30204 h 43200"/>
                <a:gd name="connsiteX12" fmla="*/ 35395 w 43200"/>
                <a:gd name="connsiteY12" fmla="*/ 36101 h 43200"/>
                <a:gd name="connsiteX13" fmla="*/ 28555 w 43200"/>
                <a:gd name="connsiteY13" fmla="*/ 36815 h 43200"/>
                <a:gd name="connsiteX14" fmla="*/ 23667 w 43200"/>
                <a:gd name="connsiteY14" fmla="*/ 43106 h 43200"/>
                <a:gd name="connsiteX15" fmla="*/ 16480 w 43200"/>
                <a:gd name="connsiteY15" fmla="*/ 39266 h 43200"/>
                <a:gd name="connsiteX16" fmla="*/ 5804 w 43200"/>
                <a:gd name="connsiteY16" fmla="*/ 35472 h 43200"/>
                <a:gd name="connsiteX17" fmla="*/ 1110 w 43200"/>
                <a:gd name="connsiteY17" fmla="*/ 31250 h 43200"/>
                <a:gd name="connsiteX18" fmla="*/ 2113 w 43200"/>
                <a:gd name="connsiteY18" fmla="*/ 25551 h 43200"/>
                <a:gd name="connsiteX19" fmla="*/ -5 w 43200"/>
                <a:gd name="connsiteY19" fmla="*/ 19704 h 43200"/>
                <a:gd name="connsiteX20" fmla="*/ 3863 w 43200"/>
                <a:gd name="connsiteY20" fmla="*/ 14507 h 43200"/>
                <a:gd name="connsiteX21" fmla="*/ 3900 w 43200"/>
                <a:gd name="connsiteY21" fmla="*/ 14370 h 43200"/>
                <a:gd name="connsiteX0" fmla="*/ 4693 w 43200"/>
                <a:gd name="connsiteY0" fmla="*/ 26177 h 43200"/>
                <a:gd name="connsiteX1" fmla="*/ 2160 w 43200"/>
                <a:gd name="connsiteY1" fmla="*/ 25380 h 43200"/>
                <a:gd name="connsiteX2" fmla="*/ 6928 w 43200"/>
                <a:gd name="connsiteY2" fmla="*/ 34899 h 43200"/>
                <a:gd name="connsiteX3" fmla="*/ 5820 w 43200"/>
                <a:gd name="connsiteY3" fmla="*/ 35280 h 43200"/>
                <a:gd name="connsiteX4" fmla="*/ 16478 w 43200"/>
                <a:gd name="connsiteY4" fmla="*/ 39090 h 43200"/>
                <a:gd name="connsiteX5" fmla="*/ 15810 w 43200"/>
                <a:gd name="connsiteY5" fmla="*/ 37350 h 43200"/>
                <a:gd name="connsiteX6" fmla="*/ 28827 w 43200"/>
                <a:gd name="connsiteY6" fmla="*/ 34751 h 43200"/>
                <a:gd name="connsiteX7" fmla="*/ 28560 w 43200"/>
                <a:gd name="connsiteY7" fmla="*/ 36660 h 43200"/>
                <a:gd name="connsiteX8" fmla="*/ 34129 w 43200"/>
                <a:gd name="connsiteY8" fmla="*/ 22954 h 43200"/>
                <a:gd name="connsiteX9" fmla="*/ 37380 w 43200"/>
                <a:gd name="connsiteY9" fmla="*/ 30090 h 43200"/>
                <a:gd name="connsiteX10" fmla="*/ 41798 w 43200"/>
                <a:gd name="connsiteY10" fmla="*/ 15354 h 43200"/>
                <a:gd name="connsiteX11" fmla="*/ 40350 w 43200"/>
                <a:gd name="connsiteY11" fmla="*/ 18030 h 43200"/>
                <a:gd name="connsiteX12" fmla="*/ 38324 w 43200"/>
                <a:gd name="connsiteY12" fmla="*/ 5426 h 43200"/>
                <a:gd name="connsiteX13" fmla="*/ 38400 w 43200"/>
                <a:gd name="connsiteY13" fmla="*/ 6690 h 43200"/>
                <a:gd name="connsiteX14" fmla="*/ 29078 w 43200"/>
                <a:gd name="connsiteY14" fmla="*/ 3952 h 43200"/>
                <a:gd name="connsiteX15" fmla="*/ 29820 w 43200"/>
                <a:gd name="connsiteY15" fmla="*/ 2340 h 43200"/>
                <a:gd name="connsiteX16" fmla="*/ 22141 w 43200"/>
                <a:gd name="connsiteY16" fmla="*/ 4720 h 43200"/>
                <a:gd name="connsiteX17" fmla="*/ 22500 w 43200"/>
                <a:gd name="connsiteY17" fmla="*/ 3330 h 43200"/>
                <a:gd name="connsiteX18" fmla="*/ 14000 w 43200"/>
                <a:gd name="connsiteY18" fmla="*/ 5192 h 43200"/>
                <a:gd name="connsiteX19" fmla="*/ 15300 w 43200"/>
                <a:gd name="connsiteY19" fmla="*/ 6540 h 43200"/>
                <a:gd name="connsiteX20" fmla="*/ 4127 w 43200"/>
                <a:gd name="connsiteY20" fmla="*/ 15789 h 43200"/>
                <a:gd name="connsiteX21" fmla="*/ 3900 w 43200"/>
                <a:gd name="connsiteY21" fmla="*/ 14370 h 43200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36173 w 43256"/>
                <a:gd name="connsiteY8" fmla="*/ 25158 h 43219"/>
                <a:gd name="connsiteX9" fmla="*/ 37416 w 43256"/>
                <a:gd name="connsiteY9" fmla="*/ 29949 h 43219"/>
                <a:gd name="connsiteX10" fmla="*/ 41834 w 43256"/>
                <a:gd name="connsiteY10" fmla="*/ 15213 h 43219"/>
                <a:gd name="connsiteX11" fmla="*/ 40386 w 43256"/>
                <a:gd name="connsiteY11" fmla="*/ 17889 h 43219"/>
                <a:gd name="connsiteX12" fmla="*/ 38360 w 43256"/>
                <a:gd name="connsiteY12" fmla="*/ 5285 h 43219"/>
                <a:gd name="connsiteX13" fmla="*/ 38436 w 43256"/>
                <a:gd name="connsiteY13" fmla="*/ 6549 h 43219"/>
                <a:gd name="connsiteX14" fmla="*/ 29114 w 43256"/>
                <a:gd name="connsiteY14" fmla="*/ 3811 h 43219"/>
                <a:gd name="connsiteX15" fmla="*/ 29856 w 43256"/>
                <a:gd name="connsiteY15" fmla="*/ 2199 h 43219"/>
                <a:gd name="connsiteX16" fmla="*/ 22177 w 43256"/>
                <a:gd name="connsiteY16" fmla="*/ 4579 h 43219"/>
                <a:gd name="connsiteX17" fmla="*/ 22536 w 43256"/>
                <a:gd name="connsiteY17" fmla="*/ 3189 h 43219"/>
                <a:gd name="connsiteX18" fmla="*/ 14036 w 43256"/>
                <a:gd name="connsiteY18" fmla="*/ 5051 h 43219"/>
                <a:gd name="connsiteX19" fmla="*/ 15336 w 43256"/>
                <a:gd name="connsiteY19" fmla="*/ 6399 h 43219"/>
                <a:gd name="connsiteX20" fmla="*/ 4163 w 43256"/>
                <a:gd name="connsiteY20" fmla="*/ 15648 h 43219"/>
                <a:gd name="connsiteX21" fmla="*/ 3936 w 43256"/>
                <a:gd name="connsiteY21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41834 w 43256"/>
                <a:gd name="connsiteY8" fmla="*/ 15213 h 43219"/>
                <a:gd name="connsiteX9" fmla="*/ 40386 w 43256"/>
                <a:gd name="connsiteY9" fmla="*/ 17889 h 43219"/>
                <a:gd name="connsiteX10" fmla="*/ 38360 w 43256"/>
                <a:gd name="connsiteY10" fmla="*/ 5285 h 43219"/>
                <a:gd name="connsiteX11" fmla="*/ 38436 w 43256"/>
                <a:gd name="connsiteY11" fmla="*/ 6549 h 43219"/>
                <a:gd name="connsiteX12" fmla="*/ 29114 w 43256"/>
                <a:gd name="connsiteY12" fmla="*/ 3811 h 43219"/>
                <a:gd name="connsiteX13" fmla="*/ 29856 w 43256"/>
                <a:gd name="connsiteY13" fmla="*/ 2199 h 43219"/>
                <a:gd name="connsiteX14" fmla="*/ 22177 w 43256"/>
                <a:gd name="connsiteY14" fmla="*/ 4579 h 43219"/>
                <a:gd name="connsiteX15" fmla="*/ 22536 w 43256"/>
                <a:gd name="connsiteY15" fmla="*/ 3189 h 43219"/>
                <a:gd name="connsiteX16" fmla="*/ 14036 w 43256"/>
                <a:gd name="connsiteY16" fmla="*/ 5051 h 43219"/>
                <a:gd name="connsiteX17" fmla="*/ 15336 w 43256"/>
                <a:gd name="connsiteY17" fmla="*/ 6399 h 43219"/>
                <a:gd name="connsiteX18" fmla="*/ 4163 w 43256"/>
                <a:gd name="connsiteY18" fmla="*/ 15648 h 43219"/>
                <a:gd name="connsiteX19" fmla="*/ 3936 w 43256"/>
                <a:gd name="connsiteY19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28863 w 43256"/>
                <a:gd name="connsiteY4" fmla="*/ 34610 h 43219"/>
                <a:gd name="connsiteX5" fmla="*/ 28596 w 43256"/>
                <a:gd name="connsiteY5" fmla="*/ 36519 h 43219"/>
                <a:gd name="connsiteX6" fmla="*/ 41834 w 43256"/>
                <a:gd name="connsiteY6" fmla="*/ 15213 h 43219"/>
                <a:gd name="connsiteX7" fmla="*/ 40386 w 43256"/>
                <a:gd name="connsiteY7" fmla="*/ 17889 h 43219"/>
                <a:gd name="connsiteX8" fmla="*/ 38360 w 43256"/>
                <a:gd name="connsiteY8" fmla="*/ 5285 h 43219"/>
                <a:gd name="connsiteX9" fmla="*/ 38436 w 43256"/>
                <a:gd name="connsiteY9" fmla="*/ 6549 h 43219"/>
                <a:gd name="connsiteX10" fmla="*/ 29114 w 43256"/>
                <a:gd name="connsiteY10" fmla="*/ 3811 h 43219"/>
                <a:gd name="connsiteX11" fmla="*/ 29856 w 43256"/>
                <a:gd name="connsiteY11" fmla="*/ 2199 h 43219"/>
                <a:gd name="connsiteX12" fmla="*/ 22177 w 43256"/>
                <a:gd name="connsiteY12" fmla="*/ 4579 h 43219"/>
                <a:gd name="connsiteX13" fmla="*/ 22536 w 43256"/>
                <a:gd name="connsiteY13" fmla="*/ 3189 h 43219"/>
                <a:gd name="connsiteX14" fmla="*/ 14036 w 43256"/>
                <a:gd name="connsiteY14" fmla="*/ 5051 h 43219"/>
                <a:gd name="connsiteX15" fmla="*/ 15336 w 43256"/>
                <a:gd name="connsiteY15" fmla="*/ 6399 h 43219"/>
                <a:gd name="connsiteX16" fmla="*/ 4163 w 43256"/>
                <a:gd name="connsiteY16" fmla="*/ 15648 h 43219"/>
                <a:gd name="connsiteX17" fmla="*/ 3936 w 43256"/>
                <a:gd name="connsiteY17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28863 w 43256"/>
                <a:gd name="connsiteY2" fmla="*/ 34610 h 43219"/>
                <a:gd name="connsiteX3" fmla="*/ 28596 w 43256"/>
                <a:gd name="connsiteY3" fmla="*/ 36519 h 43219"/>
                <a:gd name="connsiteX4" fmla="*/ 41834 w 43256"/>
                <a:gd name="connsiteY4" fmla="*/ 15213 h 43219"/>
                <a:gd name="connsiteX5" fmla="*/ 40386 w 43256"/>
                <a:gd name="connsiteY5" fmla="*/ 17889 h 43219"/>
                <a:gd name="connsiteX6" fmla="*/ 38360 w 43256"/>
                <a:gd name="connsiteY6" fmla="*/ 5285 h 43219"/>
                <a:gd name="connsiteX7" fmla="*/ 38436 w 43256"/>
                <a:gd name="connsiteY7" fmla="*/ 6549 h 43219"/>
                <a:gd name="connsiteX8" fmla="*/ 29114 w 43256"/>
                <a:gd name="connsiteY8" fmla="*/ 3811 h 43219"/>
                <a:gd name="connsiteX9" fmla="*/ 29856 w 43256"/>
                <a:gd name="connsiteY9" fmla="*/ 2199 h 43219"/>
                <a:gd name="connsiteX10" fmla="*/ 22177 w 43256"/>
                <a:gd name="connsiteY10" fmla="*/ 4579 h 43219"/>
                <a:gd name="connsiteX11" fmla="*/ 22536 w 43256"/>
                <a:gd name="connsiteY11" fmla="*/ 3189 h 43219"/>
                <a:gd name="connsiteX12" fmla="*/ 14036 w 43256"/>
                <a:gd name="connsiteY12" fmla="*/ 5051 h 43219"/>
                <a:gd name="connsiteX13" fmla="*/ 15336 w 43256"/>
                <a:gd name="connsiteY13" fmla="*/ 6399 h 43219"/>
                <a:gd name="connsiteX14" fmla="*/ 4163 w 43256"/>
                <a:gd name="connsiteY14" fmla="*/ 15648 h 43219"/>
                <a:gd name="connsiteX15" fmla="*/ 3936 w 43256"/>
                <a:gd name="connsiteY15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12" fmla="*/ 4163 w 43256"/>
                <a:gd name="connsiteY12" fmla="*/ 15648 h 43219"/>
                <a:gd name="connsiteX13" fmla="*/ 3936 w 43256"/>
                <a:gd name="connsiteY13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45 w 43256"/>
                <a:gd name="connsiteY0" fmla="*/ 34309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734 w 43256"/>
                <a:gd name="connsiteY0" fmla="*/ 35017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8996 w 43256"/>
                <a:gd name="connsiteY12" fmla="*/ 35250 h 43219"/>
                <a:gd name="connsiteX13" fmla="*/ 35431 w 43256"/>
                <a:gd name="connsiteY13" fmla="*/ 35960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8996 w 43256"/>
                <a:gd name="connsiteY12" fmla="*/ 35250 h 43219"/>
                <a:gd name="connsiteX13" fmla="*/ 35431 w 43256"/>
                <a:gd name="connsiteY13" fmla="*/ 35960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146 w 43256"/>
                <a:gd name="connsiteY13" fmla="*/ 35318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146 w 43256"/>
                <a:gd name="connsiteY13" fmla="*/ 35318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12 w 43256"/>
                <a:gd name="connsiteY13" fmla="*/ 35606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313 w 43256"/>
                <a:gd name="connsiteY13" fmla="*/ 36007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313 w 43256"/>
                <a:gd name="connsiteY13" fmla="*/ 36007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313 w 43256"/>
                <a:gd name="connsiteY13" fmla="*/ 36007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606 w 43256"/>
                <a:gd name="connsiteY14" fmla="*/ 35594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606 w 43256"/>
                <a:gd name="connsiteY14" fmla="*/ 35594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606 w 43256"/>
                <a:gd name="connsiteY14" fmla="*/ 35594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982 w 43256"/>
                <a:gd name="connsiteY14" fmla="*/ 35098 h 43219"/>
                <a:gd name="connsiteX15" fmla="*/ 35606 w 43256"/>
                <a:gd name="connsiteY15" fmla="*/ 35594 h 43219"/>
                <a:gd name="connsiteX16" fmla="*/ 35118 w 43256"/>
                <a:gd name="connsiteY16" fmla="*/ 36183 h 43219"/>
                <a:gd name="connsiteX17" fmla="*/ 28591 w 43256"/>
                <a:gd name="connsiteY17" fmla="*/ 36674 h 43219"/>
                <a:gd name="connsiteX18" fmla="*/ 23703 w 43256"/>
                <a:gd name="connsiteY18" fmla="*/ 42965 h 43219"/>
                <a:gd name="connsiteX19" fmla="*/ 16516 w 43256"/>
                <a:gd name="connsiteY19" fmla="*/ 39125 h 43219"/>
                <a:gd name="connsiteX20" fmla="*/ 5840 w 43256"/>
                <a:gd name="connsiteY20" fmla="*/ 35331 h 43219"/>
                <a:gd name="connsiteX21" fmla="*/ 1146 w 43256"/>
                <a:gd name="connsiteY21" fmla="*/ 31109 h 43219"/>
                <a:gd name="connsiteX22" fmla="*/ 2149 w 43256"/>
                <a:gd name="connsiteY22" fmla="*/ 25410 h 43219"/>
                <a:gd name="connsiteX23" fmla="*/ 31 w 43256"/>
                <a:gd name="connsiteY23" fmla="*/ 19563 h 43219"/>
                <a:gd name="connsiteX24" fmla="*/ 3899 w 43256"/>
                <a:gd name="connsiteY24" fmla="*/ 14366 h 43219"/>
                <a:gd name="connsiteX25" fmla="*/ 3936 w 43256"/>
                <a:gd name="connsiteY25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606 w 43256"/>
                <a:gd name="connsiteY14" fmla="*/ 35594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118 w 43256"/>
                <a:gd name="connsiteY14" fmla="*/ 36183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1144 w 43256"/>
                <a:gd name="connsiteY12" fmla="*/ 37651 h 43219"/>
                <a:gd name="connsiteX13" fmla="*/ 35118 w 43256"/>
                <a:gd name="connsiteY13" fmla="*/ 36183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1144 w 43256"/>
                <a:gd name="connsiteY12" fmla="*/ 37651 h 43219"/>
                <a:gd name="connsiteX13" fmla="*/ 35118 w 43256"/>
                <a:gd name="connsiteY13" fmla="*/ 36183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1144 w 43256"/>
                <a:gd name="connsiteY12" fmla="*/ 37651 h 43219"/>
                <a:gd name="connsiteX13" fmla="*/ 35118 w 43256"/>
                <a:gd name="connsiteY13" fmla="*/ 36183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2175 w 43256"/>
                <a:gd name="connsiteY12" fmla="*/ 39794 h 43219"/>
                <a:gd name="connsiteX13" fmla="*/ 35118 w 43256"/>
                <a:gd name="connsiteY13" fmla="*/ 36183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2175 w 43256"/>
                <a:gd name="connsiteY12" fmla="*/ 39794 h 43219"/>
                <a:gd name="connsiteX13" fmla="*/ 35118 w 43256"/>
                <a:gd name="connsiteY13" fmla="*/ 36183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2175 w 43256"/>
                <a:gd name="connsiteY12" fmla="*/ 39794 h 43219"/>
                <a:gd name="connsiteX13" fmla="*/ 34806 w 43256"/>
                <a:gd name="connsiteY13" fmla="*/ 35056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2175 w 43256"/>
                <a:gd name="connsiteY12" fmla="*/ 39794 h 43219"/>
                <a:gd name="connsiteX13" fmla="*/ 34806 w 43256"/>
                <a:gd name="connsiteY13" fmla="*/ 35056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2175 w 43256"/>
                <a:gd name="connsiteY12" fmla="*/ 39794 h 43219"/>
                <a:gd name="connsiteX13" fmla="*/ 34806 w 43256"/>
                <a:gd name="connsiteY13" fmla="*/ 35056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42175 w 43367"/>
                <a:gd name="connsiteY12" fmla="*/ 39794 h 43219"/>
                <a:gd name="connsiteX13" fmla="*/ 34806 w 43367"/>
                <a:gd name="connsiteY13" fmla="*/ 35056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42820 w 43367"/>
                <a:gd name="connsiteY12" fmla="*/ 40458 h 43219"/>
                <a:gd name="connsiteX13" fmla="*/ 34806 w 43367"/>
                <a:gd name="connsiteY13" fmla="*/ 35056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42820 w 43367"/>
                <a:gd name="connsiteY12" fmla="*/ 40458 h 43219"/>
                <a:gd name="connsiteX13" fmla="*/ 34806 w 43367"/>
                <a:gd name="connsiteY13" fmla="*/ 35056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42820 w 43367"/>
                <a:gd name="connsiteY12" fmla="*/ 40458 h 43219"/>
                <a:gd name="connsiteX13" fmla="*/ 34840 w 43367"/>
                <a:gd name="connsiteY13" fmla="*/ 35172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42820 w 43367"/>
                <a:gd name="connsiteY12" fmla="*/ 40458 h 43219"/>
                <a:gd name="connsiteX13" fmla="*/ 34840 w 43367"/>
                <a:gd name="connsiteY13" fmla="*/ 35172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446"/>
                <a:gd name="connsiteY0" fmla="*/ 14229 h 43219"/>
                <a:gd name="connsiteX1" fmla="*/ 5659 w 43446"/>
                <a:gd name="connsiteY1" fmla="*/ 6766 h 43219"/>
                <a:gd name="connsiteX2" fmla="*/ 14041 w 43446"/>
                <a:gd name="connsiteY2" fmla="*/ 5061 h 43219"/>
                <a:gd name="connsiteX3" fmla="*/ 22492 w 43446"/>
                <a:gd name="connsiteY3" fmla="*/ 3291 h 43219"/>
                <a:gd name="connsiteX4" fmla="*/ 25785 w 43446"/>
                <a:gd name="connsiteY4" fmla="*/ 59 h 43219"/>
                <a:gd name="connsiteX5" fmla="*/ 29869 w 43446"/>
                <a:gd name="connsiteY5" fmla="*/ 2340 h 43219"/>
                <a:gd name="connsiteX6" fmla="*/ 35499 w 43446"/>
                <a:gd name="connsiteY6" fmla="*/ 549 h 43219"/>
                <a:gd name="connsiteX7" fmla="*/ 38354 w 43446"/>
                <a:gd name="connsiteY7" fmla="*/ 5435 h 43219"/>
                <a:gd name="connsiteX8" fmla="*/ 42018 w 43446"/>
                <a:gd name="connsiteY8" fmla="*/ 10177 h 43219"/>
                <a:gd name="connsiteX9" fmla="*/ 41854 w 43446"/>
                <a:gd name="connsiteY9" fmla="*/ 15319 h 43219"/>
                <a:gd name="connsiteX10" fmla="*/ 43052 w 43446"/>
                <a:gd name="connsiteY10" fmla="*/ 23181 h 43219"/>
                <a:gd name="connsiteX11" fmla="*/ 37286 w 43446"/>
                <a:gd name="connsiteY11" fmla="*/ 30591 h 43219"/>
                <a:gd name="connsiteX12" fmla="*/ 43446 w 43446"/>
                <a:gd name="connsiteY12" fmla="*/ 40687 h 43219"/>
                <a:gd name="connsiteX13" fmla="*/ 34840 w 43446"/>
                <a:gd name="connsiteY13" fmla="*/ 35172 h 43219"/>
                <a:gd name="connsiteX14" fmla="*/ 28591 w 43446"/>
                <a:gd name="connsiteY14" fmla="*/ 36674 h 43219"/>
                <a:gd name="connsiteX15" fmla="*/ 23703 w 43446"/>
                <a:gd name="connsiteY15" fmla="*/ 42965 h 43219"/>
                <a:gd name="connsiteX16" fmla="*/ 16516 w 43446"/>
                <a:gd name="connsiteY16" fmla="*/ 39125 h 43219"/>
                <a:gd name="connsiteX17" fmla="*/ 5840 w 43446"/>
                <a:gd name="connsiteY17" fmla="*/ 35331 h 43219"/>
                <a:gd name="connsiteX18" fmla="*/ 1146 w 43446"/>
                <a:gd name="connsiteY18" fmla="*/ 31109 h 43219"/>
                <a:gd name="connsiteX19" fmla="*/ 2149 w 43446"/>
                <a:gd name="connsiteY19" fmla="*/ 25410 h 43219"/>
                <a:gd name="connsiteX20" fmla="*/ 31 w 43446"/>
                <a:gd name="connsiteY20" fmla="*/ 19563 h 43219"/>
                <a:gd name="connsiteX21" fmla="*/ 3899 w 43446"/>
                <a:gd name="connsiteY21" fmla="*/ 14366 h 43219"/>
                <a:gd name="connsiteX22" fmla="*/ 3936 w 43446"/>
                <a:gd name="connsiteY22" fmla="*/ 14229 h 43219"/>
                <a:gd name="connsiteX0" fmla="*/ 28619 w 43446"/>
                <a:gd name="connsiteY0" fmla="*/ 36455 h 43219"/>
                <a:gd name="connsiteX1" fmla="*/ 28596 w 43446"/>
                <a:gd name="connsiteY1" fmla="*/ 36519 h 43219"/>
                <a:gd name="connsiteX0" fmla="*/ 3936 w 43446"/>
                <a:gd name="connsiteY0" fmla="*/ 14229 h 43219"/>
                <a:gd name="connsiteX1" fmla="*/ 5659 w 43446"/>
                <a:gd name="connsiteY1" fmla="*/ 6766 h 43219"/>
                <a:gd name="connsiteX2" fmla="*/ 14041 w 43446"/>
                <a:gd name="connsiteY2" fmla="*/ 5061 h 43219"/>
                <a:gd name="connsiteX3" fmla="*/ 22492 w 43446"/>
                <a:gd name="connsiteY3" fmla="*/ 3291 h 43219"/>
                <a:gd name="connsiteX4" fmla="*/ 25785 w 43446"/>
                <a:gd name="connsiteY4" fmla="*/ 59 h 43219"/>
                <a:gd name="connsiteX5" fmla="*/ 29869 w 43446"/>
                <a:gd name="connsiteY5" fmla="*/ 2340 h 43219"/>
                <a:gd name="connsiteX6" fmla="*/ 35499 w 43446"/>
                <a:gd name="connsiteY6" fmla="*/ 549 h 43219"/>
                <a:gd name="connsiteX7" fmla="*/ 38354 w 43446"/>
                <a:gd name="connsiteY7" fmla="*/ 5435 h 43219"/>
                <a:gd name="connsiteX8" fmla="*/ 42018 w 43446"/>
                <a:gd name="connsiteY8" fmla="*/ 10177 h 43219"/>
                <a:gd name="connsiteX9" fmla="*/ 41854 w 43446"/>
                <a:gd name="connsiteY9" fmla="*/ 15319 h 43219"/>
                <a:gd name="connsiteX10" fmla="*/ 43052 w 43446"/>
                <a:gd name="connsiteY10" fmla="*/ 23181 h 43219"/>
                <a:gd name="connsiteX11" fmla="*/ 37286 w 43446"/>
                <a:gd name="connsiteY11" fmla="*/ 30591 h 43219"/>
                <a:gd name="connsiteX12" fmla="*/ 43446 w 43446"/>
                <a:gd name="connsiteY12" fmla="*/ 40687 h 43219"/>
                <a:gd name="connsiteX13" fmla="*/ 34840 w 43446"/>
                <a:gd name="connsiteY13" fmla="*/ 35172 h 43219"/>
                <a:gd name="connsiteX14" fmla="*/ 28591 w 43446"/>
                <a:gd name="connsiteY14" fmla="*/ 36674 h 43219"/>
                <a:gd name="connsiteX15" fmla="*/ 23703 w 43446"/>
                <a:gd name="connsiteY15" fmla="*/ 42965 h 43219"/>
                <a:gd name="connsiteX16" fmla="*/ 16516 w 43446"/>
                <a:gd name="connsiteY16" fmla="*/ 39125 h 43219"/>
                <a:gd name="connsiteX17" fmla="*/ 5840 w 43446"/>
                <a:gd name="connsiteY17" fmla="*/ 35331 h 43219"/>
                <a:gd name="connsiteX18" fmla="*/ 1146 w 43446"/>
                <a:gd name="connsiteY18" fmla="*/ 31109 h 43219"/>
                <a:gd name="connsiteX19" fmla="*/ 2149 w 43446"/>
                <a:gd name="connsiteY19" fmla="*/ 25410 h 43219"/>
                <a:gd name="connsiteX20" fmla="*/ 31 w 43446"/>
                <a:gd name="connsiteY20" fmla="*/ 19563 h 43219"/>
                <a:gd name="connsiteX21" fmla="*/ 3899 w 43446"/>
                <a:gd name="connsiteY21" fmla="*/ 14366 h 43219"/>
                <a:gd name="connsiteX22" fmla="*/ 3936 w 43446"/>
                <a:gd name="connsiteY22" fmla="*/ 14229 h 43219"/>
                <a:gd name="connsiteX0" fmla="*/ 28619 w 43446"/>
                <a:gd name="connsiteY0" fmla="*/ 36455 h 43219"/>
                <a:gd name="connsiteX1" fmla="*/ 28596 w 43446"/>
                <a:gd name="connsiteY1" fmla="*/ 36519 h 43219"/>
                <a:gd name="connsiteX0" fmla="*/ 3936 w 43367"/>
                <a:gd name="connsiteY0" fmla="*/ 14229 h 43888"/>
                <a:gd name="connsiteX1" fmla="*/ 5659 w 43367"/>
                <a:gd name="connsiteY1" fmla="*/ 6766 h 43888"/>
                <a:gd name="connsiteX2" fmla="*/ 14041 w 43367"/>
                <a:gd name="connsiteY2" fmla="*/ 5061 h 43888"/>
                <a:gd name="connsiteX3" fmla="*/ 22492 w 43367"/>
                <a:gd name="connsiteY3" fmla="*/ 3291 h 43888"/>
                <a:gd name="connsiteX4" fmla="*/ 25785 w 43367"/>
                <a:gd name="connsiteY4" fmla="*/ 59 h 43888"/>
                <a:gd name="connsiteX5" fmla="*/ 29869 w 43367"/>
                <a:gd name="connsiteY5" fmla="*/ 2340 h 43888"/>
                <a:gd name="connsiteX6" fmla="*/ 35499 w 43367"/>
                <a:gd name="connsiteY6" fmla="*/ 549 h 43888"/>
                <a:gd name="connsiteX7" fmla="*/ 38354 w 43367"/>
                <a:gd name="connsiteY7" fmla="*/ 5435 h 43888"/>
                <a:gd name="connsiteX8" fmla="*/ 42018 w 43367"/>
                <a:gd name="connsiteY8" fmla="*/ 10177 h 43888"/>
                <a:gd name="connsiteX9" fmla="*/ 41854 w 43367"/>
                <a:gd name="connsiteY9" fmla="*/ 15319 h 43888"/>
                <a:gd name="connsiteX10" fmla="*/ 43052 w 43367"/>
                <a:gd name="connsiteY10" fmla="*/ 23181 h 43888"/>
                <a:gd name="connsiteX11" fmla="*/ 37286 w 43367"/>
                <a:gd name="connsiteY11" fmla="*/ 30591 h 43888"/>
                <a:gd name="connsiteX12" fmla="*/ 37570 w 43367"/>
                <a:gd name="connsiteY12" fmla="*/ 43888 h 43888"/>
                <a:gd name="connsiteX13" fmla="*/ 34840 w 43367"/>
                <a:gd name="connsiteY13" fmla="*/ 35172 h 43888"/>
                <a:gd name="connsiteX14" fmla="*/ 28591 w 43367"/>
                <a:gd name="connsiteY14" fmla="*/ 36674 h 43888"/>
                <a:gd name="connsiteX15" fmla="*/ 23703 w 43367"/>
                <a:gd name="connsiteY15" fmla="*/ 42965 h 43888"/>
                <a:gd name="connsiteX16" fmla="*/ 16516 w 43367"/>
                <a:gd name="connsiteY16" fmla="*/ 39125 h 43888"/>
                <a:gd name="connsiteX17" fmla="*/ 5840 w 43367"/>
                <a:gd name="connsiteY17" fmla="*/ 35331 h 43888"/>
                <a:gd name="connsiteX18" fmla="*/ 1146 w 43367"/>
                <a:gd name="connsiteY18" fmla="*/ 31109 h 43888"/>
                <a:gd name="connsiteX19" fmla="*/ 2149 w 43367"/>
                <a:gd name="connsiteY19" fmla="*/ 25410 h 43888"/>
                <a:gd name="connsiteX20" fmla="*/ 31 w 43367"/>
                <a:gd name="connsiteY20" fmla="*/ 19563 h 43888"/>
                <a:gd name="connsiteX21" fmla="*/ 3899 w 43367"/>
                <a:gd name="connsiteY21" fmla="*/ 14366 h 43888"/>
                <a:gd name="connsiteX22" fmla="*/ 3936 w 43367"/>
                <a:gd name="connsiteY22" fmla="*/ 14229 h 43888"/>
                <a:gd name="connsiteX0" fmla="*/ 28619 w 43367"/>
                <a:gd name="connsiteY0" fmla="*/ 36455 h 43888"/>
                <a:gd name="connsiteX1" fmla="*/ 28596 w 43367"/>
                <a:gd name="connsiteY1" fmla="*/ 36519 h 43888"/>
                <a:gd name="connsiteX0" fmla="*/ 3936 w 43367"/>
                <a:gd name="connsiteY0" fmla="*/ 14229 h 43888"/>
                <a:gd name="connsiteX1" fmla="*/ 5659 w 43367"/>
                <a:gd name="connsiteY1" fmla="*/ 6766 h 43888"/>
                <a:gd name="connsiteX2" fmla="*/ 14041 w 43367"/>
                <a:gd name="connsiteY2" fmla="*/ 5061 h 43888"/>
                <a:gd name="connsiteX3" fmla="*/ 22492 w 43367"/>
                <a:gd name="connsiteY3" fmla="*/ 3291 h 43888"/>
                <a:gd name="connsiteX4" fmla="*/ 25785 w 43367"/>
                <a:gd name="connsiteY4" fmla="*/ 59 h 43888"/>
                <a:gd name="connsiteX5" fmla="*/ 29869 w 43367"/>
                <a:gd name="connsiteY5" fmla="*/ 2340 h 43888"/>
                <a:gd name="connsiteX6" fmla="*/ 35499 w 43367"/>
                <a:gd name="connsiteY6" fmla="*/ 549 h 43888"/>
                <a:gd name="connsiteX7" fmla="*/ 38354 w 43367"/>
                <a:gd name="connsiteY7" fmla="*/ 5435 h 43888"/>
                <a:gd name="connsiteX8" fmla="*/ 42018 w 43367"/>
                <a:gd name="connsiteY8" fmla="*/ 10177 h 43888"/>
                <a:gd name="connsiteX9" fmla="*/ 41854 w 43367"/>
                <a:gd name="connsiteY9" fmla="*/ 15319 h 43888"/>
                <a:gd name="connsiteX10" fmla="*/ 43052 w 43367"/>
                <a:gd name="connsiteY10" fmla="*/ 23181 h 43888"/>
                <a:gd name="connsiteX11" fmla="*/ 37286 w 43367"/>
                <a:gd name="connsiteY11" fmla="*/ 30591 h 43888"/>
                <a:gd name="connsiteX12" fmla="*/ 37570 w 43367"/>
                <a:gd name="connsiteY12" fmla="*/ 43888 h 43888"/>
                <a:gd name="connsiteX13" fmla="*/ 34840 w 43367"/>
                <a:gd name="connsiteY13" fmla="*/ 35172 h 43888"/>
                <a:gd name="connsiteX14" fmla="*/ 28591 w 43367"/>
                <a:gd name="connsiteY14" fmla="*/ 36674 h 43888"/>
                <a:gd name="connsiteX15" fmla="*/ 23703 w 43367"/>
                <a:gd name="connsiteY15" fmla="*/ 42965 h 43888"/>
                <a:gd name="connsiteX16" fmla="*/ 16516 w 43367"/>
                <a:gd name="connsiteY16" fmla="*/ 39125 h 43888"/>
                <a:gd name="connsiteX17" fmla="*/ 5840 w 43367"/>
                <a:gd name="connsiteY17" fmla="*/ 35331 h 43888"/>
                <a:gd name="connsiteX18" fmla="*/ 1146 w 43367"/>
                <a:gd name="connsiteY18" fmla="*/ 31109 h 43888"/>
                <a:gd name="connsiteX19" fmla="*/ 2149 w 43367"/>
                <a:gd name="connsiteY19" fmla="*/ 25410 h 43888"/>
                <a:gd name="connsiteX20" fmla="*/ 31 w 43367"/>
                <a:gd name="connsiteY20" fmla="*/ 19563 h 43888"/>
                <a:gd name="connsiteX21" fmla="*/ 3899 w 43367"/>
                <a:gd name="connsiteY21" fmla="*/ 14366 h 43888"/>
                <a:gd name="connsiteX22" fmla="*/ 3936 w 43367"/>
                <a:gd name="connsiteY22" fmla="*/ 14229 h 43888"/>
                <a:gd name="connsiteX0" fmla="*/ 28619 w 43367"/>
                <a:gd name="connsiteY0" fmla="*/ 36455 h 43888"/>
                <a:gd name="connsiteX1" fmla="*/ 28596 w 43367"/>
                <a:gd name="connsiteY1" fmla="*/ 36519 h 43888"/>
                <a:gd name="connsiteX0" fmla="*/ 3936 w 43367"/>
                <a:gd name="connsiteY0" fmla="*/ 14229 h 43888"/>
                <a:gd name="connsiteX1" fmla="*/ 5659 w 43367"/>
                <a:gd name="connsiteY1" fmla="*/ 6766 h 43888"/>
                <a:gd name="connsiteX2" fmla="*/ 14041 w 43367"/>
                <a:gd name="connsiteY2" fmla="*/ 5061 h 43888"/>
                <a:gd name="connsiteX3" fmla="*/ 22492 w 43367"/>
                <a:gd name="connsiteY3" fmla="*/ 3291 h 43888"/>
                <a:gd name="connsiteX4" fmla="*/ 25785 w 43367"/>
                <a:gd name="connsiteY4" fmla="*/ 59 h 43888"/>
                <a:gd name="connsiteX5" fmla="*/ 29869 w 43367"/>
                <a:gd name="connsiteY5" fmla="*/ 2340 h 43888"/>
                <a:gd name="connsiteX6" fmla="*/ 35499 w 43367"/>
                <a:gd name="connsiteY6" fmla="*/ 549 h 43888"/>
                <a:gd name="connsiteX7" fmla="*/ 38354 w 43367"/>
                <a:gd name="connsiteY7" fmla="*/ 5435 h 43888"/>
                <a:gd name="connsiteX8" fmla="*/ 42018 w 43367"/>
                <a:gd name="connsiteY8" fmla="*/ 10177 h 43888"/>
                <a:gd name="connsiteX9" fmla="*/ 41854 w 43367"/>
                <a:gd name="connsiteY9" fmla="*/ 15319 h 43888"/>
                <a:gd name="connsiteX10" fmla="*/ 43052 w 43367"/>
                <a:gd name="connsiteY10" fmla="*/ 23181 h 43888"/>
                <a:gd name="connsiteX11" fmla="*/ 37286 w 43367"/>
                <a:gd name="connsiteY11" fmla="*/ 30591 h 43888"/>
                <a:gd name="connsiteX12" fmla="*/ 37570 w 43367"/>
                <a:gd name="connsiteY12" fmla="*/ 43888 h 43888"/>
                <a:gd name="connsiteX13" fmla="*/ 34840 w 43367"/>
                <a:gd name="connsiteY13" fmla="*/ 35172 h 43888"/>
                <a:gd name="connsiteX14" fmla="*/ 28591 w 43367"/>
                <a:gd name="connsiteY14" fmla="*/ 36674 h 43888"/>
                <a:gd name="connsiteX15" fmla="*/ 23703 w 43367"/>
                <a:gd name="connsiteY15" fmla="*/ 42965 h 43888"/>
                <a:gd name="connsiteX16" fmla="*/ 16516 w 43367"/>
                <a:gd name="connsiteY16" fmla="*/ 39125 h 43888"/>
                <a:gd name="connsiteX17" fmla="*/ 5840 w 43367"/>
                <a:gd name="connsiteY17" fmla="*/ 35331 h 43888"/>
                <a:gd name="connsiteX18" fmla="*/ 1146 w 43367"/>
                <a:gd name="connsiteY18" fmla="*/ 31109 h 43888"/>
                <a:gd name="connsiteX19" fmla="*/ 2149 w 43367"/>
                <a:gd name="connsiteY19" fmla="*/ 25410 h 43888"/>
                <a:gd name="connsiteX20" fmla="*/ 31 w 43367"/>
                <a:gd name="connsiteY20" fmla="*/ 19563 h 43888"/>
                <a:gd name="connsiteX21" fmla="*/ 3899 w 43367"/>
                <a:gd name="connsiteY21" fmla="*/ 14366 h 43888"/>
                <a:gd name="connsiteX22" fmla="*/ 3936 w 43367"/>
                <a:gd name="connsiteY22" fmla="*/ 14229 h 43888"/>
                <a:gd name="connsiteX0" fmla="*/ 28619 w 43367"/>
                <a:gd name="connsiteY0" fmla="*/ 36455 h 43888"/>
                <a:gd name="connsiteX1" fmla="*/ 28596 w 43367"/>
                <a:gd name="connsiteY1" fmla="*/ 36519 h 43888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36183 w 43367"/>
                <a:gd name="connsiteY12" fmla="*/ 41947 h 43219"/>
                <a:gd name="connsiteX13" fmla="*/ 34840 w 43367"/>
                <a:gd name="connsiteY13" fmla="*/ 35172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3367" h="47824">
                  <a:moveTo>
                    <a:pt x="3936" y="14229"/>
                  </a:moveTo>
                  <a:cubicBezTo>
                    <a:pt x="3665" y="11516"/>
                    <a:pt x="4297" y="8780"/>
                    <a:pt x="5659" y="6766"/>
                  </a:cubicBezTo>
                  <a:cubicBezTo>
                    <a:pt x="7811" y="3585"/>
                    <a:pt x="11300" y="2876"/>
                    <a:pt x="14041" y="5061"/>
                  </a:cubicBezTo>
                  <a:cubicBezTo>
                    <a:pt x="15714" y="768"/>
                    <a:pt x="19950" y="-119"/>
                    <a:pt x="22492" y="3291"/>
                  </a:cubicBezTo>
                  <a:cubicBezTo>
                    <a:pt x="23133" y="1542"/>
                    <a:pt x="24364" y="333"/>
                    <a:pt x="25785" y="59"/>
                  </a:cubicBezTo>
                  <a:cubicBezTo>
                    <a:pt x="27349" y="-243"/>
                    <a:pt x="28911" y="629"/>
                    <a:pt x="29869" y="2340"/>
                  </a:cubicBezTo>
                  <a:cubicBezTo>
                    <a:pt x="31251" y="126"/>
                    <a:pt x="33537" y="-601"/>
                    <a:pt x="35499" y="549"/>
                  </a:cubicBezTo>
                  <a:cubicBezTo>
                    <a:pt x="36994" y="1425"/>
                    <a:pt x="38066" y="3259"/>
                    <a:pt x="38354" y="5435"/>
                  </a:cubicBezTo>
                  <a:cubicBezTo>
                    <a:pt x="40082" y="6077"/>
                    <a:pt x="41458" y="7857"/>
                    <a:pt x="42018" y="10177"/>
                  </a:cubicBezTo>
                  <a:cubicBezTo>
                    <a:pt x="42425" y="11861"/>
                    <a:pt x="42367" y="13690"/>
                    <a:pt x="41854" y="15319"/>
                  </a:cubicBezTo>
                  <a:cubicBezTo>
                    <a:pt x="43115" y="17553"/>
                    <a:pt x="43813" y="20636"/>
                    <a:pt x="43052" y="23181"/>
                  </a:cubicBezTo>
                  <a:cubicBezTo>
                    <a:pt x="42291" y="25726"/>
                    <a:pt x="40010" y="30061"/>
                    <a:pt x="37286" y="30591"/>
                  </a:cubicBezTo>
                  <a:cubicBezTo>
                    <a:pt x="40761" y="32955"/>
                    <a:pt x="43872" y="39672"/>
                    <a:pt x="35257" y="47824"/>
                  </a:cubicBezTo>
                  <a:cubicBezTo>
                    <a:pt x="40747" y="38947"/>
                    <a:pt x="37294" y="34135"/>
                    <a:pt x="34840" y="35172"/>
                  </a:cubicBezTo>
                  <a:cubicBezTo>
                    <a:pt x="34186" y="37306"/>
                    <a:pt x="30740" y="38498"/>
                    <a:pt x="28591" y="36674"/>
                  </a:cubicBezTo>
                  <a:cubicBezTo>
                    <a:pt x="27896" y="39807"/>
                    <a:pt x="26035" y="42202"/>
                    <a:pt x="23703" y="42965"/>
                  </a:cubicBezTo>
                  <a:cubicBezTo>
                    <a:pt x="20955" y="43864"/>
                    <a:pt x="18087" y="42332"/>
                    <a:pt x="16516" y="39125"/>
                  </a:cubicBezTo>
                  <a:cubicBezTo>
                    <a:pt x="12808" y="42169"/>
                    <a:pt x="7992" y="40458"/>
                    <a:pt x="5840" y="35331"/>
                  </a:cubicBezTo>
                  <a:cubicBezTo>
                    <a:pt x="3726" y="35668"/>
                    <a:pt x="1741" y="33883"/>
                    <a:pt x="1146" y="31109"/>
                  </a:cubicBezTo>
                  <a:cubicBezTo>
                    <a:pt x="715" y="29102"/>
                    <a:pt x="1096" y="26936"/>
                    <a:pt x="2149" y="25410"/>
                  </a:cubicBezTo>
                  <a:cubicBezTo>
                    <a:pt x="655" y="24213"/>
                    <a:pt x="-177" y="21916"/>
                    <a:pt x="31" y="19563"/>
                  </a:cubicBezTo>
                  <a:cubicBezTo>
                    <a:pt x="275" y="16808"/>
                    <a:pt x="1881" y="14650"/>
                    <a:pt x="3899" y="14366"/>
                  </a:cubicBezTo>
                  <a:cubicBezTo>
                    <a:pt x="3911" y="14320"/>
                    <a:pt x="3924" y="14275"/>
                    <a:pt x="3936" y="14229"/>
                  </a:cubicBezTo>
                  <a:close/>
                </a:path>
                <a:path w="43367" h="47824" fill="none" extrusionOk="0">
                  <a:moveTo>
                    <a:pt x="28619" y="36455"/>
                  </a:moveTo>
                  <a:cubicBezTo>
                    <a:pt x="28580" y="37102"/>
                    <a:pt x="28734" y="35897"/>
                    <a:pt x="28596" y="36519"/>
                  </a:cubicBezTo>
                </a:path>
              </a:pathLst>
            </a:custGeom>
            <a:solidFill>
              <a:srgbClr val="FFFFFF"/>
            </a:solidFill>
            <a:ln w="57150" cap="rnd">
              <a:solidFill>
                <a:schemeClr val="accent5"/>
              </a:solidFill>
              <a:round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ja-JP" altLang="en-US">
                <a:solidFill>
                  <a:schemeClr val="lt1"/>
                </a:solidFill>
              </a:endParaRPr>
            </a:p>
          </p:txBody>
        </p:sp>
        <p:sp>
          <p:nvSpPr>
            <p:cNvPr id="37" name="テキスト ボックス 36"/>
            <p:cNvSpPr txBox="1"/>
            <p:nvPr/>
          </p:nvSpPr>
          <p:spPr>
            <a:xfrm>
              <a:off x="784770" y="3053268"/>
              <a:ext cx="3834855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ja-JP" altLang="en-US" sz="24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だって、</a:t>
              </a:r>
              <a:r>
                <a:rPr lang="ja-JP" altLang="en-US" sz="2400" b="1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ネットに書いてあったんだもん・・・</a:t>
              </a:r>
            </a:p>
          </p:txBody>
        </p:sp>
      </p:grpSp>
      <p:pic>
        <p:nvPicPr>
          <p:cNvPr id="5" name="図 4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9349" t="12193" r="24401"/>
          <a:stretch/>
        </p:blipFill>
        <p:spPr>
          <a:xfrm>
            <a:off x="1077144" y="3887110"/>
            <a:ext cx="2078495" cy="3244563"/>
          </a:xfrm>
          <a:prstGeom prst="rect">
            <a:avLst/>
          </a:prstGeom>
          <a:noFill/>
          <a:ln>
            <a:noFill/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6" name="図 5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292790" y="3389989"/>
            <a:ext cx="3741684" cy="3741684"/>
          </a:xfrm>
          <a:prstGeom prst="rect">
            <a:avLst/>
          </a:prstGeom>
          <a:noFill/>
          <a:ln>
            <a:noFill/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テキスト ボックス 3">
            <a:extLst>
              <a:ext uri="{FF2B5EF4-FFF2-40B4-BE49-F238E27FC236}">
                <a16:creationId xmlns:a16="http://schemas.microsoft.com/office/drawing/2014/main" id="{A1DAC96B-8527-90C4-A44D-078AC9D3A576}"/>
              </a:ext>
            </a:extLst>
          </p:cNvPr>
          <p:cNvSpPr txBox="1"/>
          <p:nvPr/>
        </p:nvSpPr>
        <p:spPr>
          <a:xfrm>
            <a:off x="3214600" y="2850422"/>
            <a:ext cx="519200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dist"/>
            <a:r>
              <a:rPr kumimoji="1" lang="ja-JP" altLang="en-US" sz="1200" dirty="0">
                <a:solidFill>
                  <a:schemeClr val="accent5">
                    <a:lumMod val="50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</a:t>
            </a:r>
          </a:p>
        </p:txBody>
      </p:sp>
      <p:sp>
        <p:nvSpPr>
          <p:cNvPr id="10" name="テキスト ボックス 9">
            <a:extLst>
              <a:ext uri="{FF2B5EF4-FFF2-40B4-BE49-F238E27FC236}">
                <a16:creationId xmlns:a16="http://schemas.microsoft.com/office/drawing/2014/main" id="{79D42986-70CC-E80E-A1D0-EF79FF0A58C4}"/>
              </a:ext>
            </a:extLst>
          </p:cNvPr>
          <p:cNvSpPr txBox="1"/>
          <p:nvPr/>
        </p:nvSpPr>
        <p:spPr>
          <a:xfrm>
            <a:off x="3943350" y="856110"/>
            <a:ext cx="7221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</a:t>
            </a:r>
          </a:p>
        </p:txBody>
      </p:sp>
      <p:sp>
        <p:nvSpPr>
          <p:cNvPr id="11" name="テキスト ボックス 10">
            <a:extLst>
              <a:ext uri="{FF2B5EF4-FFF2-40B4-BE49-F238E27FC236}">
                <a16:creationId xmlns:a16="http://schemas.microsoft.com/office/drawing/2014/main" id="{56330F61-6485-E848-481A-33E63D2770B9}"/>
              </a:ext>
            </a:extLst>
          </p:cNvPr>
          <p:cNvSpPr txBox="1"/>
          <p:nvPr/>
        </p:nvSpPr>
        <p:spPr>
          <a:xfrm>
            <a:off x="7423150" y="856110"/>
            <a:ext cx="7221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ともだち</a:t>
            </a:r>
          </a:p>
        </p:txBody>
      </p:sp>
      <p:sp>
        <p:nvSpPr>
          <p:cNvPr id="15" name="テキスト ボックス 14">
            <a:extLst>
              <a:ext uri="{FF2B5EF4-FFF2-40B4-BE49-F238E27FC236}">
                <a16:creationId xmlns:a16="http://schemas.microsoft.com/office/drawing/2014/main" id="{E44321A3-3A7E-9678-8DD5-C146D3E9D4E8}"/>
              </a:ext>
            </a:extLst>
          </p:cNvPr>
          <p:cNvSpPr txBox="1"/>
          <p:nvPr/>
        </p:nvSpPr>
        <p:spPr>
          <a:xfrm>
            <a:off x="95251" y="1442438"/>
            <a:ext cx="470310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はな</a:t>
            </a:r>
          </a:p>
        </p:txBody>
      </p:sp>
      <p:sp>
        <p:nvSpPr>
          <p:cNvPr id="18" name="テキスト ボックス 17">
            <a:extLst>
              <a:ext uri="{FF2B5EF4-FFF2-40B4-BE49-F238E27FC236}">
                <a16:creationId xmlns:a16="http://schemas.microsoft.com/office/drawing/2014/main" id="{0E7F49F6-8445-EAD7-B898-A544A44F349B}"/>
              </a:ext>
            </a:extLst>
          </p:cNvPr>
          <p:cNvSpPr txBox="1"/>
          <p:nvPr/>
        </p:nvSpPr>
        <p:spPr>
          <a:xfrm>
            <a:off x="5384801" y="1419288"/>
            <a:ext cx="470310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dist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い</a:t>
            </a:r>
          </a:p>
        </p:txBody>
      </p:sp>
      <p:sp>
        <p:nvSpPr>
          <p:cNvPr id="9" name="テキスト ボックス 8">
            <a:extLst>
              <a:ext uri="{FF2B5EF4-FFF2-40B4-BE49-F238E27FC236}">
                <a16:creationId xmlns:a16="http://schemas.microsoft.com/office/drawing/2014/main" id="{281417FD-4052-141D-1479-A102473CC693}"/>
              </a:ext>
            </a:extLst>
          </p:cNvPr>
          <p:cNvSpPr txBox="1"/>
          <p:nvPr/>
        </p:nvSpPr>
        <p:spPr>
          <a:xfrm>
            <a:off x="2838665" y="44742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ょうほう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4090028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1.</a:t>
            </a:r>
            <a:r>
              <a:rPr lang="ja-JP" altLang="en-US" dirty="0"/>
              <a:t> インターネットの情報は正しいの？</a:t>
            </a:r>
          </a:p>
        </p:txBody>
      </p:sp>
      <p:grpSp>
        <p:nvGrpSpPr>
          <p:cNvPr id="3" name="グループ化 2"/>
          <p:cNvGrpSpPr/>
          <p:nvPr/>
        </p:nvGrpSpPr>
        <p:grpSpPr>
          <a:xfrm>
            <a:off x="286007" y="2364092"/>
            <a:ext cx="8571987" cy="3967648"/>
            <a:chOff x="286007" y="2364092"/>
            <a:chExt cx="8571987" cy="3967648"/>
          </a:xfrm>
        </p:grpSpPr>
        <p:sp>
          <p:nvSpPr>
            <p:cNvPr id="45" name="角丸四角形 44"/>
            <p:cNvSpPr/>
            <p:nvPr/>
          </p:nvSpPr>
          <p:spPr>
            <a:xfrm>
              <a:off x="286007" y="2490914"/>
              <a:ext cx="8571987" cy="1982787"/>
            </a:xfrm>
            <a:prstGeom prst="roundRect">
              <a:avLst/>
            </a:prstGeom>
            <a:solidFill>
              <a:schemeClr val="accent6">
                <a:lumMod val="40000"/>
                <a:lumOff val="60000"/>
              </a:schemeClr>
            </a:solidFill>
            <a:ln w="38100" cap="rnd" cmpd="sng" algn="ctr">
              <a:solidFill>
                <a:schemeClr val="accent6"/>
              </a:solidFill>
              <a:prstDash val="solid"/>
            </a:ln>
            <a:effectLst/>
          </p:spPr>
          <p:txBody>
            <a:bodyPr anchor="ctr"/>
            <a:lstStyle/>
            <a:p>
              <a:pPr marL="0" marR="0" lvl="0" indent="0" defTabSz="91440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ja-JP" altLang="en-US" sz="1800" b="0" i="0" u="none" strike="noStrike" kern="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ＭＳ Ｐゴシック" panose="020B0600070205080204" pitchFamily="50" charset="-128"/>
                <a:cs typeface="+mn-cs"/>
              </a:endParaRPr>
            </a:p>
          </p:txBody>
        </p:sp>
        <p:sp>
          <p:nvSpPr>
            <p:cNvPr id="55" name="テキスト ボックス 54"/>
            <p:cNvSpPr txBox="1"/>
            <p:nvPr/>
          </p:nvSpPr>
          <p:spPr>
            <a:xfrm>
              <a:off x="3349226" y="2889593"/>
              <a:ext cx="5304657" cy="132343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kumimoji="1" lang="ja-JP" altLang="en-US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インターネットには、いろいろな情報がのっています。</a:t>
              </a:r>
              <a:endParaRPr kumimoji="1" lang="en-US" altLang="ja-JP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  <a:p>
              <a:pPr>
                <a:spcAft>
                  <a:spcPts val="1200"/>
                </a:spcAft>
              </a:pPr>
              <a:r>
                <a:rPr lang="ja-JP" altLang="en-US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なかには、正しい情報だけではなく、ウソやでたらめ、</a:t>
              </a:r>
              <a:endParaRPr lang="en-US" altLang="ja-JP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  <a:p>
              <a:pPr>
                <a:spcAft>
                  <a:spcPts val="1200"/>
                </a:spcAft>
              </a:pPr>
              <a:r>
                <a:rPr lang="ja-JP" altLang="en-US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まちがった情報もあるかもしれません。</a:t>
              </a:r>
              <a:endParaRPr lang="en-US" altLang="ja-JP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</p:txBody>
        </p:sp>
        <p:pic>
          <p:nvPicPr>
            <p:cNvPr id="39" name="Picture 3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 bwMode="auto">
            <a:xfrm>
              <a:off x="520728" y="2364092"/>
              <a:ext cx="3111472" cy="3967648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pic>
      </p:grpSp>
      <p:sp>
        <p:nvSpPr>
          <p:cNvPr id="43" name="乗算記号 42"/>
          <p:cNvSpPr/>
          <p:nvPr/>
        </p:nvSpPr>
        <p:spPr>
          <a:xfrm rot="20932626">
            <a:off x="35104" y="2255814"/>
            <a:ext cx="2040134" cy="2013785"/>
          </a:xfrm>
          <a:prstGeom prst="mathMultiply">
            <a:avLst>
              <a:gd name="adj1" fmla="val 13871"/>
            </a:avLst>
          </a:prstGeom>
          <a:solidFill>
            <a:schemeClr val="bg1">
              <a:alpha val="80000"/>
            </a:schemeClr>
          </a:solidFill>
          <a:ln w="38100">
            <a:solidFill>
              <a:schemeClr val="tx1">
                <a:alpha val="8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/>
            <a:endParaRPr lang="ja-JP" altLang="en-US"/>
          </a:p>
        </p:txBody>
      </p:sp>
      <p:grpSp>
        <p:nvGrpSpPr>
          <p:cNvPr id="8" name="グループ化 7"/>
          <p:cNvGrpSpPr/>
          <p:nvPr/>
        </p:nvGrpSpPr>
        <p:grpSpPr>
          <a:xfrm>
            <a:off x="286007" y="4477614"/>
            <a:ext cx="8893375" cy="2369306"/>
            <a:chOff x="286007" y="4477614"/>
            <a:chExt cx="8893375" cy="2369306"/>
          </a:xfrm>
        </p:grpSpPr>
        <p:sp>
          <p:nvSpPr>
            <p:cNvPr id="54" name="角丸四角形 53"/>
            <p:cNvSpPr/>
            <p:nvPr/>
          </p:nvSpPr>
          <p:spPr>
            <a:xfrm>
              <a:off x="286007" y="4599001"/>
              <a:ext cx="8571987" cy="2176443"/>
            </a:xfrm>
            <a:prstGeom prst="roundRect">
              <a:avLst>
                <a:gd name="adj" fmla="val 13604"/>
              </a:avLst>
            </a:prstGeom>
            <a:solidFill>
              <a:schemeClr val="accent2">
                <a:lumMod val="40000"/>
                <a:lumOff val="60000"/>
              </a:schemeClr>
            </a:solidFill>
            <a:ln w="38100" cap="rnd" cmpd="sng" algn="ctr">
              <a:solidFill>
                <a:schemeClr val="accent2"/>
              </a:solidFill>
              <a:prstDash val="solid"/>
            </a:ln>
            <a:effectLst/>
          </p:spPr>
          <p:txBody>
            <a:bodyPr anchor="ctr"/>
            <a:lstStyle/>
            <a:p>
              <a:pPr marL="0" marR="0" lvl="0" indent="0" defTabSz="91440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ja-JP" altLang="en-US" sz="1800" b="0" i="0" u="none" strike="noStrike" kern="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ＭＳ Ｐゴシック" panose="020B0600070205080204" pitchFamily="50" charset="-128"/>
                <a:cs typeface="+mn-cs"/>
              </a:endParaRPr>
            </a:p>
          </p:txBody>
        </p:sp>
        <p:sp>
          <p:nvSpPr>
            <p:cNvPr id="44" name="テキスト ボックス 43"/>
            <p:cNvSpPr txBox="1"/>
            <p:nvPr/>
          </p:nvSpPr>
          <p:spPr>
            <a:xfrm>
              <a:off x="417922" y="4754039"/>
              <a:ext cx="5144691" cy="209288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000"/>
                </a:spcAft>
              </a:pPr>
              <a:r>
                <a:rPr kumimoji="1" lang="ja-JP" altLang="en-US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インターネットにのっている情報を、なんでも</a:t>
              </a:r>
              <a:r>
                <a:rPr lang="ja-JP" altLang="en-US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すぐに</a:t>
              </a:r>
              <a:br>
                <a:rPr lang="en-US" altLang="ja-JP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</a:br>
              <a:r>
                <a:rPr lang="ja-JP" altLang="en-US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しんじるのは、とてもキケンです。</a:t>
              </a:r>
              <a:endParaRPr lang="en-US" altLang="ja-JP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  <a:p>
              <a:pPr>
                <a:spcAft>
                  <a:spcPts val="1000"/>
                </a:spcAft>
              </a:pPr>
              <a:r>
                <a:rPr lang="ja-JP" altLang="en-US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ほかのサイトや、インターネットいがいの情報、</a:t>
              </a:r>
              <a:endParaRPr lang="en-US" altLang="ja-JP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  <a:p>
              <a:pPr>
                <a:spcAft>
                  <a:spcPts val="1000"/>
                </a:spcAft>
              </a:pPr>
              <a:r>
                <a:rPr lang="ja-JP" altLang="en-US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たとえば本や新聞などでもしらべて、</a:t>
              </a:r>
              <a:endParaRPr lang="en-US" altLang="ja-JP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  <a:p>
              <a:pPr>
                <a:spcAft>
                  <a:spcPts val="1000"/>
                </a:spcAft>
              </a:pPr>
              <a:r>
                <a:rPr lang="ja-JP" altLang="en-US" sz="20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家の人などにも相談してみましょう。</a:t>
              </a:r>
              <a:endParaRPr lang="en-US" altLang="ja-JP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</p:txBody>
        </p:sp>
        <p:pic>
          <p:nvPicPr>
            <p:cNvPr id="4" name="図 3"/>
            <p:cNvPicPr>
              <a:picLocks noChangeAspect="1"/>
            </p:cNvPicPr>
            <p:nvPr/>
          </p:nvPicPr>
          <p:blipFill>
            <a:blip r:embed="rId5" cstate="print">
              <a:extLst>
                <a:ext uri="{BEBA8EAE-BF5A-486C-A8C5-ECC9F3942E4B}">
                  <a14:imgProps xmlns:a14="http://schemas.microsoft.com/office/drawing/2010/main">
                    <a14:imgLayer r:embed="rId6">
                      <a14:imgEffect>
                        <a14:colorTemperature colorTemp="72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4689631" y="4517485"/>
              <a:ext cx="2227027" cy="2227027"/>
            </a:xfrm>
            <a:prstGeom prst="rect">
              <a:avLst/>
            </a:prstGeom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spPr>
        </p:pic>
        <p:grpSp>
          <p:nvGrpSpPr>
            <p:cNvPr id="62" name="グループ化 61"/>
            <p:cNvGrpSpPr/>
            <p:nvPr/>
          </p:nvGrpSpPr>
          <p:grpSpPr>
            <a:xfrm rot="299488" flipH="1">
              <a:off x="6644695" y="4477614"/>
              <a:ext cx="2377608" cy="1473183"/>
              <a:chOff x="-170788" y="2148668"/>
              <a:chExt cx="3595448" cy="2596142"/>
            </a:xfrm>
          </p:grpSpPr>
          <p:sp>
            <p:nvSpPr>
              <p:cNvPr id="64" name="円/楕円 63"/>
              <p:cNvSpPr/>
              <p:nvPr/>
            </p:nvSpPr>
            <p:spPr>
              <a:xfrm>
                <a:off x="3082947" y="4416442"/>
                <a:ext cx="183844" cy="171239"/>
              </a:xfrm>
              <a:prstGeom prst="ellipse">
                <a:avLst/>
              </a:prstGeom>
              <a:solidFill>
                <a:srgbClr val="FFFFFF">
                  <a:alpha val="80000"/>
                </a:srgbClr>
              </a:solidFill>
              <a:ln w="38100">
                <a:solidFill>
                  <a:schemeClr val="accent2"/>
                </a:solidFill>
                <a:round/>
              </a:ln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/>
              </a:p>
            </p:txBody>
          </p:sp>
          <p:sp>
            <p:nvSpPr>
              <p:cNvPr id="65" name="雲 31"/>
              <p:cNvSpPr/>
              <p:nvPr/>
            </p:nvSpPr>
            <p:spPr>
              <a:xfrm rot="197991">
                <a:off x="-170788" y="2148668"/>
                <a:ext cx="3540817" cy="2596142"/>
              </a:xfrm>
              <a:custGeom>
                <a:avLst/>
                <a:gdLst>
                  <a:gd name="connsiteX0" fmla="*/ 3900 w 43200"/>
                  <a:gd name="connsiteY0" fmla="*/ 14370 h 43200"/>
                  <a:gd name="connsiteX1" fmla="*/ 5623 w 43200"/>
                  <a:gd name="connsiteY1" fmla="*/ 6907 h 43200"/>
                  <a:gd name="connsiteX2" fmla="*/ 14005 w 43200"/>
                  <a:gd name="connsiteY2" fmla="*/ 5202 h 43200"/>
                  <a:gd name="connsiteX3" fmla="*/ 22456 w 43200"/>
                  <a:gd name="connsiteY3" fmla="*/ 3432 h 43200"/>
                  <a:gd name="connsiteX4" fmla="*/ 25749 w 43200"/>
                  <a:gd name="connsiteY4" fmla="*/ 200 h 43200"/>
                  <a:gd name="connsiteX5" fmla="*/ 29833 w 43200"/>
                  <a:gd name="connsiteY5" fmla="*/ 2481 h 43200"/>
                  <a:gd name="connsiteX6" fmla="*/ 35463 w 43200"/>
                  <a:gd name="connsiteY6" fmla="*/ 690 h 43200"/>
                  <a:gd name="connsiteX7" fmla="*/ 38318 w 43200"/>
                  <a:gd name="connsiteY7" fmla="*/ 5576 h 43200"/>
                  <a:gd name="connsiteX8" fmla="*/ 41982 w 43200"/>
                  <a:gd name="connsiteY8" fmla="*/ 10318 h 43200"/>
                  <a:gd name="connsiteX9" fmla="*/ 41818 w 43200"/>
                  <a:gd name="connsiteY9" fmla="*/ 15460 h 43200"/>
                  <a:gd name="connsiteX10" fmla="*/ 43016 w 43200"/>
                  <a:gd name="connsiteY10" fmla="*/ 23322 h 43200"/>
                  <a:gd name="connsiteX11" fmla="*/ 37404 w 43200"/>
                  <a:gd name="connsiteY11" fmla="*/ 30204 h 43200"/>
                  <a:gd name="connsiteX12" fmla="*/ 35395 w 43200"/>
                  <a:gd name="connsiteY12" fmla="*/ 36101 h 43200"/>
                  <a:gd name="connsiteX13" fmla="*/ 28555 w 43200"/>
                  <a:gd name="connsiteY13" fmla="*/ 36815 h 43200"/>
                  <a:gd name="connsiteX14" fmla="*/ 23667 w 43200"/>
                  <a:gd name="connsiteY14" fmla="*/ 43106 h 43200"/>
                  <a:gd name="connsiteX15" fmla="*/ 16480 w 43200"/>
                  <a:gd name="connsiteY15" fmla="*/ 39266 h 43200"/>
                  <a:gd name="connsiteX16" fmla="*/ 5804 w 43200"/>
                  <a:gd name="connsiteY16" fmla="*/ 35472 h 43200"/>
                  <a:gd name="connsiteX17" fmla="*/ 1110 w 43200"/>
                  <a:gd name="connsiteY17" fmla="*/ 31250 h 43200"/>
                  <a:gd name="connsiteX18" fmla="*/ 2113 w 43200"/>
                  <a:gd name="connsiteY18" fmla="*/ 25551 h 43200"/>
                  <a:gd name="connsiteX19" fmla="*/ -5 w 43200"/>
                  <a:gd name="connsiteY19" fmla="*/ 19704 h 43200"/>
                  <a:gd name="connsiteX20" fmla="*/ 3863 w 43200"/>
                  <a:gd name="connsiteY20" fmla="*/ 14507 h 43200"/>
                  <a:gd name="connsiteX21" fmla="*/ 3900 w 43200"/>
                  <a:gd name="connsiteY21" fmla="*/ 14370 h 43200"/>
                  <a:gd name="connsiteX0" fmla="*/ 4693 w 43200"/>
                  <a:gd name="connsiteY0" fmla="*/ 26177 h 43200"/>
                  <a:gd name="connsiteX1" fmla="*/ 2160 w 43200"/>
                  <a:gd name="connsiteY1" fmla="*/ 25380 h 43200"/>
                  <a:gd name="connsiteX2" fmla="*/ 6928 w 43200"/>
                  <a:gd name="connsiteY2" fmla="*/ 34899 h 43200"/>
                  <a:gd name="connsiteX3" fmla="*/ 5820 w 43200"/>
                  <a:gd name="connsiteY3" fmla="*/ 35280 h 43200"/>
                  <a:gd name="connsiteX4" fmla="*/ 16478 w 43200"/>
                  <a:gd name="connsiteY4" fmla="*/ 39090 h 43200"/>
                  <a:gd name="connsiteX5" fmla="*/ 15810 w 43200"/>
                  <a:gd name="connsiteY5" fmla="*/ 37350 h 43200"/>
                  <a:gd name="connsiteX6" fmla="*/ 28827 w 43200"/>
                  <a:gd name="connsiteY6" fmla="*/ 34751 h 43200"/>
                  <a:gd name="connsiteX7" fmla="*/ 28560 w 43200"/>
                  <a:gd name="connsiteY7" fmla="*/ 36660 h 43200"/>
                  <a:gd name="connsiteX8" fmla="*/ 34129 w 43200"/>
                  <a:gd name="connsiteY8" fmla="*/ 22954 h 43200"/>
                  <a:gd name="connsiteX9" fmla="*/ 37380 w 43200"/>
                  <a:gd name="connsiteY9" fmla="*/ 30090 h 43200"/>
                  <a:gd name="connsiteX10" fmla="*/ 41798 w 43200"/>
                  <a:gd name="connsiteY10" fmla="*/ 15354 h 43200"/>
                  <a:gd name="connsiteX11" fmla="*/ 40350 w 43200"/>
                  <a:gd name="connsiteY11" fmla="*/ 18030 h 43200"/>
                  <a:gd name="connsiteX12" fmla="*/ 38324 w 43200"/>
                  <a:gd name="connsiteY12" fmla="*/ 5426 h 43200"/>
                  <a:gd name="connsiteX13" fmla="*/ 38400 w 43200"/>
                  <a:gd name="connsiteY13" fmla="*/ 6690 h 43200"/>
                  <a:gd name="connsiteX14" fmla="*/ 29078 w 43200"/>
                  <a:gd name="connsiteY14" fmla="*/ 3952 h 43200"/>
                  <a:gd name="connsiteX15" fmla="*/ 29820 w 43200"/>
                  <a:gd name="connsiteY15" fmla="*/ 2340 h 43200"/>
                  <a:gd name="connsiteX16" fmla="*/ 22141 w 43200"/>
                  <a:gd name="connsiteY16" fmla="*/ 4720 h 43200"/>
                  <a:gd name="connsiteX17" fmla="*/ 22500 w 43200"/>
                  <a:gd name="connsiteY17" fmla="*/ 3330 h 43200"/>
                  <a:gd name="connsiteX18" fmla="*/ 14000 w 43200"/>
                  <a:gd name="connsiteY18" fmla="*/ 5192 h 43200"/>
                  <a:gd name="connsiteX19" fmla="*/ 15300 w 43200"/>
                  <a:gd name="connsiteY19" fmla="*/ 6540 h 43200"/>
                  <a:gd name="connsiteX20" fmla="*/ 4127 w 43200"/>
                  <a:gd name="connsiteY20" fmla="*/ 15789 h 43200"/>
                  <a:gd name="connsiteX21" fmla="*/ 3900 w 43200"/>
                  <a:gd name="connsiteY21" fmla="*/ 14370 h 43200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16514 w 43256"/>
                  <a:gd name="connsiteY4" fmla="*/ 38949 h 43219"/>
                  <a:gd name="connsiteX5" fmla="*/ 15846 w 43256"/>
                  <a:gd name="connsiteY5" fmla="*/ 37209 h 43219"/>
                  <a:gd name="connsiteX6" fmla="*/ 28863 w 43256"/>
                  <a:gd name="connsiteY6" fmla="*/ 34610 h 43219"/>
                  <a:gd name="connsiteX7" fmla="*/ 28596 w 43256"/>
                  <a:gd name="connsiteY7" fmla="*/ 36519 h 43219"/>
                  <a:gd name="connsiteX8" fmla="*/ 36173 w 43256"/>
                  <a:gd name="connsiteY8" fmla="*/ 25158 h 43219"/>
                  <a:gd name="connsiteX9" fmla="*/ 37416 w 43256"/>
                  <a:gd name="connsiteY9" fmla="*/ 29949 h 43219"/>
                  <a:gd name="connsiteX10" fmla="*/ 41834 w 43256"/>
                  <a:gd name="connsiteY10" fmla="*/ 15213 h 43219"/>
                  <a:gd name="connsiteX11" fmla="*/ 40386 w 43256"/>
                  <a:gd name="connsiteY11" fmla="*/ 17889 h 43219"/>
                  <a:gd name="connsiteX12" fmla="*/ 38360 w 43256"/>
                  <a:gd name="connsiteY12" fmla="*/ 5285 h 43219"/>
                  <a:gd name="connsiteX13" fmla="*/ 38436 w 43256"/>
                  <a:gd name="connsiteY13" fmla="*/ 6549 h 43219"/>
                  <a:gd name="connsiteX14" fmla="*/ 29114 w 43256"/>
                  <a:gd name="connsiteY14" fmla="*/ 3811 h 43219"/>
                  <a:gd name="connsiteX15" fmla="*/ 29856 w 43256"/>
                  <a:gd name="connsiteY15" fmla="*/ 2199 h 43219"/>
                  <a:gd name="connsiteX16" fmla="*/ 22177 w 43256"/>
                  <a:gd name="connsiteY16" fmla="*/ 4579 h 43219"/>
                  <a:gd name="connsiteX17" fmla="*/ 22536 w 43256"/>
                  <a:gd name="connsiteY17" fmla="*/ 3189 h 43219"/>
                  <a:gd name="connsiteX18" fmla="*/ 14036 w 43256"/>
                  <a:gd name="connsiteY18" fmla="*/ 5051 h 43219"/>
                  <a:gd name="connsiteX19" fmla="*/ 15336 w 43256"/>
                  <a:gd name="connsiteY19" fmla="*/ 6399 h 43219"/>
                  <a:gd name="connsiteX20" fmla="*/ 4163 w 43256"/>
                  <a:gd name="connsiteY20" fmla="*/ 15648 h 43219"/>
                  <a:gd name="connsiteX21" fmla="*/ 3936 w 43256"/>
                  <a:gd name="connsiteY21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16514 w 43256"/>
                  <a:gd name="connsiteY4" fmla="*/ 38949 h 43219"/>
                  <a:gd name="connsiteX5" fmla="*/ 15846 w 43256"/>
                  <a:gd name="connsiteY5" fmla="*/ 37209 h 43219"/>
                  <a:gd name="connsiteX6" fmla="*/ 28863 w 43256"/>
                  <a:gd name="connsiteY6" fmla="*/ 34610 h 43219"/>
                  <a:gd name="connsiteX7" fmla="*/ 28596 w 43256"/>
                  <a:gd name="connsiteY7" fmla="*/ 36519 h 43219"/>
                  <a:gd name="connsiteX8" fmla="*/ 41834 w 43256"/>
                  <a:gd name="connsiteY8" fmla="*/ 15213 h 43219"/>
                  <a:gd name="connsiteX9" fmla="*/ 40386 w 43256"/>
                  <a:gd name="connsiteY9" fmla="*/ 17889 h 43219"/>
                  <a:gd name="connsiteX10" fmla="*/ 38360 w 43256"/>
                  <a:gd name="connsiteY10" fmla="*/ 5285 h 43219"/>
                  <a:gd name="connsiteX11" fmla="*/ 38436 w 43256"/>
                  <a:gd name="connsiteY11" fmla="*/ 6549 h 43219"/>
                  <a:gd name="connsiteX12" fmla="*/ 29114 w 43256"/>
                  <a:gd name="connsiteY12" fmla="*/ 3811 h 43219"/>
                  <a:gd name="connsiteX13" fmla="*/ 29856 w 43256"/>
                  <a:gd name="connsiteY13" fmla="*/ 2199 h 43219"/>
                  <a:gd name="connsiteX14" fmla="*/ 22177 w 43256"/>
                  <a:gd name="connsiteY14" fmla="*/ 4579 h 43219"/>
                  <a:gd name="connsiteX15" fmla="*/ 22536 w 43256"/>
                  <a:gd name="connsiteY15" fmla="*/ 3189 h 43219"/>
                  <a:gd name="connsiteX16" fmla="*/ 14036 w 43256"/>
                  <a:gd name="connsiteY16" fmla="*/ 5051 h 43219"/>
                  <a:gd name="connsiteX17" fmla="*/ 15336 w 43256"/>
                  <a:gd name="connsiteY17" fmla="*/ 6399 h 43219"/>
                  <a:gd name="connsiteX18" fmla="*/ 4163 w 43256"/>
                  <a:gd name="connsiteY18" fmla="*/ 15648 h 43219"/>
                  <a:gd name="connsiteX19" fmla="*/ 3936 w 43256"/>
                  <a:gd name="connsiteY19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28863 w 43256"/>
                  <a:gd name="connsiteY4" fmla="*/ 34610 h 43219"/>
                  <a:gd name="connsiteX5" fmla="*/ 28596 w 43256"/>
                  <a:gd name="connsiteY5" fmla="*/ 36519 h 43219"/>
                  <a:gd name="connsiteX6" fmla="*/ 41834 w 43256"/>
                  <a:gd name="connsiteY6" fmla="*/ 15213 h 43219"/>
                  <a:gd name="connsiteX7" fmla="*/ 40386 w 43256"/>
                  <a:gd name="connsiteY7" fmla="*/ 17889 h 43219"/>
                  <a:gd name="connsiteX8" fmla="*/ 38360 w 43256"/>
                  <a:gd name="connsiteY8" fmla="*/ 5285 h 43219"/>
                  <a:gd name="connsiteX9" fmla="*/ 38436 w 43256"/>
                  <a:gd name="connsiteY9" fmla="*/ 6549 h 43219"/>
                  <a:gd name="connsiteX10" fmla="*/ 29114 w 43256"/>
                  <a:gd name="connsiteY10" fmla="*/ 3811 h 43219"/>
                  <a:gd name="connsiteX11" fmla="*/ 29856 w 43256"/>
                  <a:gd name="connsiteY11" fmla="*/ 2199 h 43219"/>
                  <a:gd name="connsiteX12" fmla="*/ 22177 w 43256"/>
                  <a:gd name="connsiteY12" fmla="*/ 4579 h 43219"/>
                  <a:gd name="connsiteX13" fmla="*/ 22536 w 43256"/>
                  <a:gd name="connsiteY13" fmla="*/ 3189 h 43219"/>
                  <a:gd name="connsiteX14" fmla="*/ 14036 w 43256"/>
                  <a:gd name="connsiteY14" fmla="*/ 5051 h 43219"/>
                  <a:gd name="connsiteX15" fmla="*/ 15336 w 43256"/>
                  <a:gd name="connsiteY15" fmla="*/ 6399 h 43219"/>
                  <a:gd name="connsiteX16" fmla="*/ 4163 w 43256"/>
                  <a:gd name="connsiteY16" fmla="*/ 15648 h 43219"/>
                  <a:gd name="connsiteX17" fmla="*/ 3936 w 43256"/>
                  <a:gd name="connsiteY17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28863 w 43256"/>
                  <a:gd name="connsiteY2" fmla="*/ 34610 h 43219"/>
                  <a:gd name="connsiteX3" fmla="*/ 28596 w 43256"/>
                  <a:gd name="connsiteY3" fmla="*/ 36519 h 43219"/>
                  <a:gd name="connsiteX4" fmla="*/ 41834 w 43256"/>
                  <a:gd name="connsiteY4" fmla="*/ 15213 h 43219"/>
                  <a:gd name="connsiteX5" fmla="*/ 40386 w 43256"/>
                  <a:gd name="connsiteY5" fmla="*/ 17889 h 43219"/>
                  <a:gd name="connsiteX6" fmla="*/ 38360 w 43256"/>
                  <a:gd name="connsiteY6" fmla="*/ 5285 h 43219"/>
                  <a:gd name="connsiteX7" fmla="*/ 38436 w 43256"/>
                  <a:gd name="connsiteY7" fmla="*/ 6549 h 43219"/>
                  <a:gd name="connsiteX8" fmla="*/ 29114 w 43256"/>
                  <a:gd name="connsiteY8" fmla="*/ 3811 h 43219"/>
                  <a:gd name="connsiteX9" fmla="*/ 29856 w 43256"/>
                  <a:gd name="connsiteY9" fmla="*/ 2199 h 43219"/>
                  <a:gd name="connsiteX10" fmla="*/ 22177 w 43256"/>
                  <a:gd name="connsiteY10" fmla="*/ 4579 h 43219"/>
                  <a:gd name="connsiteX11" fmla="*/ 22536 w 43256"/>
                  <a:gd name="connsiteY11" fmla="*/ 3189 h 43219"/>
                  <a:gd name="connsiteX12" fmla="*/ 14036 w 43256"/>
                  <a:gd name="connsiteY12" fmla="*/ 5051 h 43219"/>
                  <a:gd name="connsiteX13" fmla="*/ 15336 w 43256"/>
                  <a:gd name="connsiteY13" fmla="*/ 6399 h 43219"/>
                  <a:gd name="connsiteX14" fmla="*/ 4163 w 43256"/>
                  <a:gd name="connsiteY14" fmla="*/ 15648 h 43219"/>
                  <a:gd name="connsiteX15" fmla="*/ 3936 w 43256"/>
                  <a:gd name="connsiteY15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10" fmla="*/ 14036 w 43256"/>
                  <a:gd name="connsiteY10" fmla="*/ 5051 h 43219"/>
                  <a:gd name="connsiteX11" fmla="*/ 15336 w 43256"/>
                  <a:gd name="connsiteY11" fmla="*/ 6399 h 43219"/>
                  <a:gd name="connsiteX12" fmla="*/ 4163 w 43256"/>
                  <a:gd name="connsiteY12" fmla="*/ 15648 h 43219"/>
                  <a:gd name="connsiteX13" fmla="*/ 3936 w 43256"/>
                  <a:gd name="connsiteY13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10" fmla="*/ 14036 w 43256"/>
                  <a:gd name="connsiteY10" fmla="*/ 5051 h 43219"/>
                  <a:gd name="connsiteX11" fmla="*/ 15336 w 43256"/>
                  <a:gd name="connsiteY11" fmla="*/ 63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45 w 43256"/>
                  <a:gd name="connsiteY0" fmla="*/ 34309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734 w 43256"/>
                  <a:gd name="connsiteY0" fmla="*/ 35017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8996 w 43256"/>
                  <a:gd name="connsiteY12" fmla="*/ 35250 h 43219"/>
                  <a:gd name="connsiteX13" fmla="*/ 35431 w 43256"/>
                  <a:gd name="connsiteY13" fmla="*/ 35960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8996 w 43256"/>
                  <a:gd name="connsiteY12" fmla="*/ 35250 h 43219"/>
                  <a:gd name="connsiteX13" fmla="*/ 35431 w 43256"/>
                  <a:gd name="connsiteY13" fmla="*/ 35960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146 w 43256"/>
                  <a:gd name="connsiteY13" fmla="*/ 35318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146 w 43256"/>
                  <a:gd name="connsiteY13" fmla="*/ 35318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12 w 43256"/>
                  <a:gd name="connsiteY13" fmla="*/ 35606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3256" h="43219">
                    <a:moveTo>
                      <a:pt x="3936" y="14229"/>
                    </a:moveTo>
                    <a:cubicBezTo>
                      <a:pt x="3665" y="11516"/>
                      <a:pt x="4297" y="8780"/>
                      <a:pt x="5659" y="6766"/>
                    </a:cubicBezTo>
                    <a:cubicBezTo>
                      <a:pt x="7811" y="3585"/>
                      <a:pt x="11300" y="2876"/>
                      <a:pt x="14041" y="5061"/>
                    </a:cubicBezTo>
                    <a:cubicBezTo>
                      <a:pt x="15714" y="768"/>
                      <a:pt x="19950" y="-119"/>
                      <a:pt x="22492" y="3291"/>
                    </a:cubicBezTo>
                    <a:cubicBezTo>
                      <a:pt x="23133" y="1542"/>
                      <a:pt x="24364" y="333"/>
                      <a:pt x="25785" y="59"/>
                    </a:cubicBezTo>
                    <a:cubicBezTo>
                      <a:pt x="27349" y="-243"/>
                      <a:pt x="28911" y="629"/>
                      <a:pt x="29869" y="2340"/>
                    </a:cubicBezTo>
                    <a:cubicBezTo>
                      <a:pt x="31251" y="126"/>
                      <a:pt x="33537" y="-601"/>
                      <a:pt x="35499" y="549"/>
                    </a:cubicBezTo>
                    <a:cubicBezTo>
                      <a:pt x="36994" y="1425"/>
                      <a:pt x="38066" y="3259"/>
                      <a:pt x="38354" y="5435"/>
                    </a:cubicBezTo>
                    <a:cubicBezTo>
                      <a:pt x="40082" y="6077"/>
                      <a:pt x="41458" y="7857"/>
                      <a:pt x="42018" y="10177"/>
                    </a:cubicBezTo>
                    <a:cubicBezTo>
                      <a:pt x="42425" y="11861"/>
                      <a:pt x="42367" y="13690"/>
                      <a:pt x="41854" y="15319"/>
                    </a:cubicBezTo>
                    <a:cubicBezTo>
                      <a:pt x="43115" y="17553"/>
                      <a:pt x="43556" y="20449"/>
                      <a:pt x="43052" y="23181"/>
                    </a:cubicBezTo>
                    <a:cubicBezTo>
                      <a:pt x="42382" y="26813"/>
                      <a:pt x="40164" y="29533"/>
                      <a:pt x="37440" y="30063"/>
                    </a:cubicBezTo>
                    <a:cubicBezTo>
                      <a:pt x="37480" y="30755"/>
                      <a:pt x="37355" y="31595"/>
                      <a:pt x="37012" y="32109"/>
                    </a:cubicBezTo>
                    <a:cubicBezTo>
                      <a:pt x="37971" y="31489"/>
                      <a:pt x="40489" y="32793"/>
                      <a:pt x="39313" y="36007"/>
                    </a:cubicBezTo>
                    <a:cubicBezTo>
                      <a:pt x="38504" y="38128"/>
                      <a:pt x="35744" y="37404"/>
                      <a:pt x="36050" y="35003"/>
                    </a:cubicBezTo>
                    <a:cubicBezTo>
                      <a:pt x="35764" y="35454"/>
                      <a:pt x="35423" y="35938"/>
                      <a:pt x="35118" y="36183"/>
                    </a:cubicBezTo>
                    <a:cubicBezTo>
                      <a:pt x="34125" y="36981"/>
                      <a:pt x="30740" y="38498"/>
                      <a:pt x="28591" y="36674"/>
                    </a:cubicBezTo>
                    <a:cubicBezTo>
                      <a:pt x="27896" y="39807"/>
                      <a:pt x="26035" y="42202"/>
                      <a:pt x="23703" y="42965"/>
                    </a:cubicBezTo>
                    <a:cubicBezTo>
                      <a:pt x="20955" y="43864"/>
                      <a:pt x="18087" y="42332"/>
                      <a:pt x="16516" y="39125"/>
                    </a:cubicBezTo>
                    <a:cubicBezTo>
                      <a:pt x="12808" y="42169"/>
                      <a:pt x="7992" y="40458"/>
                      <a:pt x="5840" y="35331"/>
                    </a:cubicBezTo>
                    <a:cubicBezTo>
                      <a:pt x="3726" y="35668"/>
                      <a:pt x="1741" y="33883"/>
                      <a:pt x="1146" y="31109"/>
                    </a:cubicBezTo>
                    <a:cubicBezTo>
                      <a:pt x="715" y="29102"/>
                      <a:pt x="1096" y="26936"/>
                      <a:pt x="2149" y="25410"/>
                    </a:cubicBezTo>
                    <a:cubicBezTo>
                      <a:pt x="655" y="24213"/>
                      <a:pt x="-177" y="21916"/>
                      <a:pt x="31" y="19563"/>
                    </a:cubicBezTo>
                    <a:cubicBezTo>
                      <a:pt x="275" y="16808"/>
                      <a:pt x="1881" y="14650"/>
                      <a:pt x="3899" y="14366"/>
                    </a:cubicBezTo>
                    <a:cubicBezTo>
                      <a:pt x="3911" y="14320"/>
                      <a:pt x="3924" y="14275"/>
                      <a:pt x="3936" y="14229"/>
                    </a:cubicBezTo>
                    <a:close/>
                  </a:path>
                  <a:path w="43256" h="43219" fill="none" extrusionOk="0">
                    <a:moveTo>
                      <a:pt x="28619" y="36455"/>
                    </a:moveTo>
                    <a:cubicBezTo>
                      <a:pt x="28580" y="37102"/>
                      <a:pt x="28734" y="35897"/>
                      <a:pt x="28596" y="36519"/>
                    </a:cubicBezTo>
                  </a:path>
                </a:pathLst>
              </a:custGeom>
              <a:solidFill>
                <a:srgbClr val="FFFFFF"/>
              </a:solidFill>
              <a:ln w="38100">
                <a:solidFill>
                  <a:schemeClr val="accent2"/>
                </a:solidFill>
                <a:round/>
              </a:ln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>
                  <a:solidFill>
                    <a:schemeClr val="dk1"/>
                  </a:solidFill>
                </a:endParaRPr>
              </a:p>
            </p:txBody>
          </p:sp>
          <p:sp>
            <p:nvSpPr>
              <p:cNvPr id="66" name="円/楕円 65"/>
              <p:cNvSpPr/>
              <p:nvPr/>
            </p:nvSpPr>
            <p:spPr>
              <a:xfrm>
                <a:off x="3306387" y="4503249"/>
                <a:ext cx="118273" cy="110165"/>
              </a:xfrm>
              <a:prstGeom prst="ellipse">
                <a:avLst/>
              </a:prstGeom>
              <a:solidFill>
                <a:srgbClr val="FFFFFF">
                  <a:alpha val="80000"/>
                </a:srgbClr>
              </a:solidFill>
              <a:ln w="38100">
                <a:solidFill>
                  <a:schemeClr val="accent2"/>
                </a:solidFill>
                <a:round/>
              </a:ln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/>
              </a:p>
            </p:txBody>
          </p:sp>
        </p:grpSp>
        <p:sp>
          <p:nvSpPr>
            <p:cNvPr id="63" name="テキスト ボックス 62"/>
            <p:cNvSpPr txBox="1"/>
            <p:nvPr/>
          </p:nvSpPr>
          <p:spPr>
            <a:xfrm rot="462286">
              <a:off x="6675620" y="4914141"/>
              <a:ext cx="2503762" cy="80021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>
                <a:spcAft>
                  <a:spcPts val="1200"/>
                </a:spcAft>
              </a:pPr>
              <a:r>
                <a:rPr lang="ja-JP" altLang="en-US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のっていた話は、</a:t>
              </a:r>
            </a:p>
            <a:p>
              <a:pPr algn="ctr">
                <a:spcAft>
                  <a:spcPts val="1200"/>
                </a:spcAft>
              </a:pPr>
              <a:r>
                <a:rPr lang="ja-JP" altLang="en-US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本当なのかな。</a:t>
              </a:r>
            </a:p>
          </p:txBody>
        </p:sp>
      </p:grpSp>
      <p:sp>
        <p:nvSpPr>
          <p:cNvPr id="37" name="ドーナツ 36"/>
          <p:cNvSpPr/>
          <p:nvPr/>
        </p:nvSpPr>
        <p:spPr>
          <a:xfrm>
            <a:off x="5864816" y="5306321"/>
            <a:ext cx="1502251" cy="1500109"/>
          </a:xfrm>
          <a:prstGeom prst="donut">
            <a:avLst>
              <a:gd name="adj" fmla="val 16648"/>
            </a:avLst>
          </a:prstGeom>
          <a:solidFill>
            <a:schemeClr val="bg1">
              <a:alpha val="80000"/>
            </a:schemeClr>
          </a:solidFill>
          <a:ln w="38100">
            <a:solidFill>
              <a:schemeClr val="tx1">
                <a:alpha val="8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/>
            <a:endParaRPr lang="ja-JP" altLang="en-US" dirty="0"/>
          </a:p>
        </p:txBody>
      </p:sp>
      <p:grpSp>
        <p:nvGrpSpPr>
          <p:cNvPr id="19" name="グループ化 18">
            <a:extLst>
              <a:ext uri="{FF2B5EF4-FFF2-40B4-BE49-F238E27FC236}">
                <a16:creationId xmlns:a16="http://schemas.microsoft.com/office/drawing/2014/main" id="{4BD92689-F4B1-747C-64CA-D4C670A43368}"/>
              </a:ext>
            </a:extLst>
          </p:cNvPr>
          <p:cNvGrpSpPr/>
          <p:nvPr/>
        </p:nvGrpSpPr>
        <p:grpSpPr>
          <a:xfrm>
            <a:off x="4277957" y="2741180"/>
            <a:ext cx="2755593" cy="1206018"/>
            <a:chOff x="4277957" y="2741180"/>
            <a:chExt cx="2755593" cy="1206018"/>
          </a:xfrm>
        </p:grpSpPr>
        <p:sp>
          <p:nvSpPr>
            <p:cNvPr id="5" name="テキスト ボックス 4">
              <a:extLst>
                <a:ext uri="{FF2B5EF4-FFF2-40B4-BE49-F238E27FC236}">
                  <a16:creationId xmlns:a16="http://schemas.microsoft.com/office/drawing/2014/main" id="{13D0E53D-3D08-E407-53DB-B5607E149067}"/>
                </a:ext>
              </a:extLst>
            </p:cNvPr>
            <p:cNvSpPr txBox="1"/>
            <p:nvPr/>
          </p:nvSpPr>
          <p:spPr>
            <a:xfrm>
              <a:off x="6213614" y="2741180"/>
              <a:ext cx="819936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じょうほう</a:t>
              </a:r>
            </a:p>
          </p:txBody>
        </p:sp>
        <p:sp>
          <p:nvSpPr>
            <p:cNvPr id="6" name="テキスト ボックス 5">
              <a:extLst>
                <a:ext uri="{FF2B5EF4-FFF2-40B4-BE49-F238E27FC236}">
                  <a16:creationId xmlns:a16="http://schemas.microsoft.com/office/drawing/2014/main" id="{6ADB72B9-4EBC-602E-F6C8-1E47B79480E4}"/>
                </a:ext>
              </a:extLst>
            </p:cNvPr>
            <p:cNvSpPr txBox="1"/>
            <p:nvPr/>
          </p:nvSpPr>
          <p:spPr>
            <a:xfrm>
              <a:off x="4966767" y="3201194"/>
              <a:ext cx="819936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じょうほう</a:t>
              </a:r>
            </a:p>
          </p:txBody>
        </p:sp>
        <p:sp>
          <p:nvSpPr>
            <p:cNvPr id="7" name="テキスト ボックス 6">
              <a:extLst>
                <a:ext uri="{FF2B5EF4-FFF2-40B4-BE49-F238E27FC236}">
                  <a16:creationId xmlns:a16="http://schemas.microsoft.com/office/drawing/2014/main" id="{26EB9DB5-1CE1-55F2-E5F5-7FD0FCDF0AB0}"/>
                </a:ext>
              </a:extLst>
            </p:cNvPr>
            <p:cNvSpPr txBox="1"/>
            <p:nvPr/>
          </p:nvSpPr>
          <p:spPr>
            <a:xfrm>
              <a:off x="4277957" y="3670199"/>
              <a:ext cx="819936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じょうほう</a:t>
              </a:r>
            </a:p>
          </p:txBody>
        </p:sp>
      </p:grpSp>
      <p:grpSp>
        <p:nvGrpSpPr>
          <p:cNvPr id="18" name="グループ化 17">
            <a:extLst>
              <a:ext uri="{FF2B5EF4-FFF2-40B4-BE49-F238E27FC236}">
                <a16:creationId xmlns:a16="http://schemas.microsoft.com/office/drawing/2014/main" id="{33DDA416-00AB-A4F9-7D0A-E9AEB6F13052}"/>
              </a:ext>
            </a:extLst>
          </p:cNvPr>
          <p:cNvGrpSpPr/>
          <p:nvPr/>
        </p:nvGrpSpPr>
        <p:grpSpPr>
          <a:xfrm>
            <a:off x="672641" y="501844"/>
            <a:ext cx="7625858" cy="2143125"/>
            <a:chOff x="672641" y="501844"/>
            <a:chExt cx="7625858" cy="2143125"/>
          </a:xfrm>
        </p:grpSpPr>
        <p:grpSp>
          <p:nvGrpSpPr>
            <p:cNvPr id="47" name="グループ化 46"/>
            <p:cNvGrpSpPr/>
            <p:nvPr/>
          </p:nvGrpSpPr>
          <p:grpSpPr>
            <a:xfrm>
              <a:off x="672641" y="501844"/>
              <a:ext cx="7625858" cy="2143125"/>
              <a:chOff x="672641" y="539944"/>
              <a:chExt cx="7625858" cy="2143125"/>
            </a:xfrm>
          </p:grpSpPr>
          <p:pic>
            <p:nvPicPr>
              <p:cNvPr id="48" name="図 47"/>
              <p:cNvPicPr>
                <a:picLocks noChangeAspect="1"/>
              </p:cNvPicPr>
              <p:nvPr/>
            </p:nvPicPr>
            <p:blipFill>
              <a:blip r:embed="rId7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6146802" y="539944"/>
                <a:ext cx="2151697" cy="2143125"/>
              </a:xfrm>
              <a:prstGeom prst="rect">
                <a:avLst/>
              </a:prstGeom>
            </p:spPr>
          </p:pic>
          <p:grpSp>
            <p:nvGrpSpPr>
              <p:cNvPr id="49" name="グループ化 48"/>
              <p:cNvGrpSpPr/>
              <p:nvPr/>
            </p:nvGrpSpPr>
            <p:grpSpPr>
              <a:xfrm>
                <a:off x="672641" y="1103650"/>
                <a:ext cx="5661177" cy="1111992"/>
                <a:chOff x="672641" y="1103650"/>
                <a:chExt cx="5661177" cy="1111992"/>
              </a:xfrm>
            </p:grpSpPr>
            <p:sp>
              <p:nvSpPr>
                <p:cNvPr id="51" name="角丸四角形 28"/>
                <p:cNvSpPr/>
                <p:nvPr/>
              </p:nvSpPr>
              <p:spPr>
                <a:xfrm>
                  <a:off x="672641" y="1103650"/>
                  <a:ext cx="5661177" cy="1111992"/>
                </a:xfrm>
                <a:custGeom>
                  <a:avLst/>
                  <a:gdLst>
                    <a:gd name="connsiteX0" fmla="*/ 0 w 6516914"/>
                    <a:gd name="connsiteY0" fmla="*/ 555996 h 1111992"/>
                    <a:gd name="connsiteX1" fmla="*/ 555996 w 6516914"/>
                    <a:gd name="connsiteY1" fmla="*/ 0 h 1111992"/>
                    <a:gd name="connsiteX2" fmla="*/ 5960918 w 6516914"/>
                    <a:gd name="connsiteY2" fmla="*/ 0 h 1111992"/>
                    <a:gd name="connsiteX3" fmla="*/ 6516914 w 6516914"/>
                    <a:gd name="connsiteY3" fmla="*/ 555996 h 1111992"/>
                    <a:gd name="connsiteX4" fmla="*/ 6516914 w 6516914"/>
                    <a:gd name="connsiteY4" fmla="*/ 555996 h 1111992"/>
                    <a:gd name="connsiteX5" fmla="*/ 5960918 w 6516914"/>
                    <a:gd name="connsiteY5" fmla="*/ 1111992 h 1111992"/>
                    <a:gd name="connsiteX6" fmla="*/ 555996 w 6516914"/>
                    <a:gd name="connsiteY6" fmla="*/ 1111992 h 1111992"/>
                    <a:gd name="connsiteX7" fmla="*/ 0 w 6516914"/>
                    <a:gd name="connsiteY7" fmla="*/ 555996 h 1111992"/>
                    <a:gd name="connsiteX0" fmla="*/ 0 w 6555491"/>
                    <a:gd name="connsiteY0" fmla="*/ 555996 h 1111992"/>
                    <a:gd name="connsiteX1" fmla="*/ 555996 w 6555491"/>
                    <a:gd name="connsiteY1" fmla="*/ 0 h 1111992"/>
                    <a:gd name="connsiteX2" fmla="*/ 5960918 w 6555491"/>
                    <a:gd name="connsiteY2" fmla="*/ 0 h 1111992"/>
                    <a:gd name="connsiteX3" fmla="*/ 6478814 w 6555491"/>
                    <a:gd name="connsiteY3" fmla="*/ 350218 h 1111992"/>
                    <a:gd name="connsiteX4" fmla="*/ 6516914 w 6555491"/>
                    <a:gd name="connsiteY4" fmla="*/ 555996 h 1111992"/>
                    <a:gd name="connsiteX5" fmla="*/ 6516914 w 6555491"/>
                    <a:gd name="connsiteY5" fmla="*/ 555996 h 1111992"/>
                    <a:gd name="connsiteX6" fmla="*/ 5960918 w 6555491"/>
                    <a:gd name="connsiteY6" fmla="*/ 1111992 h 1111992"/>
                    <a:gd name="connsiteX7" fmla="*/ 555996 w 6555491"/>
                    <a:gd name="connsiteY7" fmla="*/ 1111992 h 1111992"/>
                    <a:gd name="connsiteX8" fmla="*/ 0 w 6555491"/>
                    <a:gd name="connsiteY8" fmla="*/ 555996 h 1111992"/>
                    <a:gd name="connsiteX0" fmla="*/ 0 w 6562480"/>
                    <a:gd name="connsiteY0" fmla="*/ 555996 h 1111992"/>
                    <a:gd name="connsiteX1" fmla="*/ 555996 w 6562480"/>
                    <a:gd name="connsiteY1" fmla="*/ 0 h 1111992"/>
                    <a:gd name="connsiteX2" fmla="*/ 5960918 w 6562480"/>
                    <a:gd name="connsiteY2" fmla="*/ 0 h 1111992"/>
                    <a:gd name="connsiteX3" fmla="*/ 6478814 w 6562480"/>
                    <a:gd name="connsiteY3" fmla="*/ 350218 h 1111992"/>
                    <a:gd name="connsiteX4" fmla="*/ 6516914 w 6562480"/>
                    <a:gd name="connsiteY4" fmla="*/ 555996 h 1111992"/>
                    <a:gd name="connsiteX5" fmla="*/ 6516914 w 6562480"/>
                    <a:gd name="connsiteY5" fmla="*/ 555996 h 1111992"/>
                    <a:gd name="connsiteX6" fmla="*/ 6491514 w 6562480"/>
                    <a:gd name="connsiteY6" fmla="*/ 756618 h 1111992"/>
                    <a:gd name="connsiteX7" fmla="*/ 5960918 w 6562480"/>
                    <a:gd name="connsiteY7" fmla="*/ 1111992 h 1111992"/>
                    <a:gd name="connsiteX8" fmla="*/ 555996 w 6562480"/>
                    <a:gd name="connsiteY8" fmla="*/ 1111992 h 1111992"/>
                    <a:gd name="connsiteX9" fmla="*/ 0 w 6562480"/>
                    <a:gd name="connsiteY9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6516914 w 7063014"/>
                    <a:gd name="connsiteY4" fmla="*/ 555996 h 1111992"/>
                    <a:gd name="connsiteX5" fmla="*/ 7063014 w 7063014"/>
                    <a:gd name="connsiteY5" fmla="*/ 555996 h 1111992"/>
                    <a:gd name="connsiteX6" fmla="*/ 6491514 w 7063014"/>
                    <a:gd name="connsiteY6" fmla="*/ 756618 h 1111992"/>
                    <a:gd name="connsiteX7" fmla="*/ 5960918 w 7063014"/>
                    <a:gd name="connsiteY7" fmla="*/ 1111992 h 1111992"/>
                    <a:gd name="connsiteX8" fmla="*/ 555996 w 7063014"/>
                    <a:gd name="connsiteY8" fmla="*/ 1111992 h 1111992"/>
                    <a:gd name="connsiteX9" fmla="*/ 0 w 7063014"/>
                    <a:gd name="connsiteY9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7566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91514 w 7063014"/>
                    <a:gd name="connsiteY3" fmla="*/ 40736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91514 w 7063014"/>
                    <a:gd name="connsiteY3" fmla="*/ 40736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  <a:cxn ang="0">
                      <a:pos x="connsiteX4" y="connsiteY4"/>
                    </a:cxn>
                    <a:cxn ang="0">
                      <a:pos x="connsiteX5" y="connsiteY5"/>
                    </a:cxn>
                    <a:cxn ang="0">
                      <a:pos x="connsiteX6" y="connsiteY6"/>
                    </a:cxn>
                    <a:cxn ang="0">
                      <a:pos x="connsiteX7" y="connsiteY7"/>
                    </a:cxn>
                    <a:cxn ang="0">
                      <a:pos x="connsiteX8" y="connsiteY8"/>
                    </a:cxn>
                  </a:cxnLst>
                  <a:rect l="l" t="t" r="r" b="b"/>
                  <a:pathLst>
                    <a:path w="7063014" h="1111992">
                      <a:moveTo>
                        <a:pt x="0" y="555996"/>
                      </a:moveTo>
                      <a:cubicBezTo>
                        <a:pt x="0" y="248928"/>
                        <a:pt x="248928" y="0"/>
                        <a:pt x="555996" y="0"/>
                      </a:cubicBezTo>
                      <a:lnTo>
                        <a:pt x="5960918" y="0"/>
                      </a:lnTo>
                      <a:cubicBezTo>
                        <a:pt x="6509904" y="58370"/>
                        <a:pt x="6434832" y="314702"/>
                        <a:pt x="6491514" y="407368"/>
                      </a:cubicBezTo>
                      <a:cubicBezTo>
                        <a:pt x="6675196" y="500034"/>
                        <a:pt x="6825947" y="558113"/>
                        <a:pt x="7063014" y="555996"/>
                      </a:cubicBezTo>
                      <a:cubicBezTo>
                        <a:pt x="6855581" y="725329"/>
                        <a:pt x="6622280" y="714752"/>
                        <a:pt x="6491514" y="693118"/>
                      </a:cubicBezTo>
                      <a:cubicBezTo>
                        <a:pt x="6544898" y="849284"/>
                        <a:pt x="6385021" y="1078163"/>
                        <a:pt x="5960918" y="1111992"/>
                      </a:cubicBezTo>
                      <a:lnTo>
                        <a:pt x="555996" y="1111992"/>
                      </a:lnTo>
                      <a:cubicBezTo>
                        <a:pt x="248928" y="1111992"/>
                        <a:pt x="0" y="863064"/>
                        <a:pt x="0" y="555996"/>
                      </a:cubicBezTo>
                      <a:close/>
                    </a:path>
                  </a:pathLst>
                </a:custGeom>
                <a:ln w="38100"/>
              </p:spPr>
              <p:style>
                <a:lnRef idx="2">
                  <a:schemeClr val="accent6"/>
                </a:lnRef>
                <a:fillRef idx="1">
                  <a:schemeClr val="lt1"/>
                </a:fillRef>
                <a:effectRef idx="0">
                  <a:schemeClr val="accent6"/>
                </a:effectRef>
                <a:fontRef idx="minor">
                  <a:schemeClr val="dk1"/>
                </a:fontRef>
              </p:style>
              <p:txBody>
                <a:bodyPr rtlCol="0" anchor="ctr"/>
                <a:lstStyle/>
                <a:p>
                  <a:pPr algn="ctr"/>
                  <a:endParaRPr kumimoji="1" lang="ja-JP" altLang="en-US">
                    <a:solidFill>
                      <a:schemeClr val="accent6"/>
                    </a:solidFill>
                  </a:endParaRPr>
                </a:p>
              </p:txBody>
            </p:sp>
            <p:sp>
              <p:nvSpPr>
                <p:cNvPr id="52" name="テキスト ボックス 51"/>
                <p:cNvSpPr txBox="1"/>
                <p:nvPr/>
              </p:nvSpPr>
              <p:spPr>
                <a:xfrm>
                  <a:off x="672641" y="1224321"/>
                  <a:ext cx="5213809" cy="984885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 algn="ctr">
                    <a:spcAft>
                      <a:spcPts val="1200"/>
                    </a:spcAft>
                  </a:pPr>
                  <a:r>
                    <a:rPr kumimoji="1" lang="ja-JP" altLang="en-US" sz="2400" b="1" dirty="0">
                      <a:solidFill>
                        <a:srgbClr val="62983E"/>
                      </a:solidFill>
                      <a:latin typeface="メイリオ" panose="020B0604030504040204" pitchFamily="50" charset="-128"/>
                      <a:ea typeface="メイリオ" panose="020B0604030504040204" pitchFamily="50" charset="-128"/>
                      <a:cs typeface="メイリオ" panose="020B0604030504040204" pitchFamily="50" charset="-128"/>
                    </a:rPr>
                    <a:t>なにがいけなかったのか</a:t>
                  </a:r>
                  <a:endParaRPr kumimoji="1" lang="en-US" altLang="ja-JP" sz="2400" b="1" dirty="0">
                    <a:solidFill>
                      <a:srgbClr val="62983E"/>
                    </a:solidFill>
                    <a:latin typeface="メイリオ" panose="020B0604030504040204" pitchFamily="50" charset="-128"/>
                    <a:ea typeface="メイリオ" panose="020B0604030504040204" pitchFamily="50" charset="-128"/>
                    <a:cs typeface="メイリオ" panose="020B0604030504040204" pitchFamily="50" charset="-128"/>
                  </a:endParaRPr>
                </a:p>
                <a:p>
                  <a:pPr algn="ctr">
                    <a:spcAft>
                      <a:spcPts val="1200"/>
                    </a:spcAft>
                  </a:pPr>
                  <a:r>
                    <a:rPr lang="ja-JP" altLang="en-US" sz="2400" b="1" dirty="0">
                      <a:solidFill>
                        <a:srgbClr val="62983E"/>
                      </a:solidFill>
                      <a:latin typeface="メイリオ" panose="020B0604030504040204" pitchFamily="50" charset="-128"/>
                      <a:ea typeface="メイリオ" panose="020B0604030504040204" pitchFamily="50" charset="-128"/>
                      <a:cs typeface="メイリオ" panose="020B0604030504040204" pitchFamily="50" charset="-128"/>
                    </a:rPr>
                    <a:t>いっしょに考えてみよう！</a:t>
                  </a:r>
                  <a:endParaRPr kumimoji="1" lang="ja-JP" altLang="en-US" sz="2400" b="1" dirty="0">
                    <a:solidFill>
                      <a:srgbClr val="62983E"/>
                    </a:solidFill>
                    <a:latin typeface="メイリオ" panose="020B0604030504040204" pitchFamily="50" charset="-128"/>
                    <a:ea typeface="メイリオ" panose="020B0604030504040204" pitchFamily="50" charset="-128"/>
                    <a:cs typeface="メイリオ" panose="020B0604030504040204" pitchFamily="50" charset="-128"/>
                  </a:endParaRPr>
                </a:p>
              </p:txBody>
            </p:sp>
          </p:grpSp>
        </p:grpSp>
        <p:sp>
          <p:nvSpPr>
            <p:cNvPr id="9" name="テキスト ボックス 8">
              <a:extLst>
                <a:ext uri="{FF2B5EF4-FFF2-40B4-BE49-F238E27FC236}">
                  <a16:creationId xmlns:a16="http://schemas.microsoft.com/office/drawing/2014/main" id="{E539665F-2B62-65A8-1C6B-9593EEC77F53}"/>
                </a:ext>
              </a:extLst>
            </p:cNvPr>
            <p:cNvSpPr txBox="1"/>
            <p:nvPr/>
          </p:nvSpPr>
          <p:spPr>
            <a:xfrm>
              <a:off x="2841934" y="1525250"/>
              <a:ext cx="59182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rgbClr val="62983E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んが</a:t>
              </a:r>
            </a:p>
          </p:txBody>
        </p:sp>
      </p:grpSp>
      <p:grpSp>
        <p:nvGrpSpPr>
          <p:cNvPr id="20" name="グループ化 19">
            <a:extLst>
              <a:ext uri="{FF2B5EF4-FFF2-40B4-BE49-F238E27FC236}">
                <a16:creationId xmlns:a16="http://schemas.microsoft.com/office/drawing/2014/main" id="{2833CAE9-9F7E-DD91-0303-AF91C94318FB}"/>
              </a:ext>
            </a:extLst>
          </p:cNvPr>
          <p:cNvGrpSpPr/>
          <p:nvPr/>
        </p:nvGrpSpPr>
        <p:grpSpPr>
          <a:xfrm>
            <a:off x="408875" y="4622968"/>
            <a:ext cx="8241107" cy="1898161"/>
            <a:chOff x="408875" y="4622968"/>
            <a:chExt cx="8241107" cy="1898161"/>
          </a:xfrm>
        </p:grpSpPr>
        <p:sp>
          <p:nvSpPr>
            <p:cNvPr id="10" name="テキスト ボックス 9">
              <a:extLst>
                <a:ext uri="{FF2B5EF4-FFF2-40B4-BE49-F238E27FC236}">
                  <a16:creationId xmlns:a16="http://schemas.microsoft.com/office/drawing/2014/main" id="{AFF1C24C-52F3-0BD8-2CBB-3D21208F897E}"/>
                </a:ext>
              </a:extLst>
            </p:cNvPr>
            <p:cNvSpPr txBox="1"/>
            <p:nvPr/>
          </p:nvSpPr>
          <p:spPr>
            <a:xfrm rot="499215">
              <a:off x="8065254" y="4783145"/>
              <a:ext cx="584728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accent2">
                      <a:lumMod val="7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はなし</a:t>
              </a:r>
            </a:p>
          </p:txBody>
        </p:sp>
        <p:sp>
          <p:nvSpPr>
            <p:cNvPr id="11" name="テキスト ボックス 10">
              <a:extLst>
                <a:ext uri="{FF2B5EF4-FFF2-40B4-BE49-F238E27FC236}">
                  <a16:creationId xmlns:a16="http://schemas.microsoft.com/office/drawing/2014/main" id="{530DCC63-4E51-BBE7-AAC2-C596F537E530}"/>
                </a:ext>
              </a:extLst>
            </p:cNvPr>
            <p:cNvSpPr txBox="1"/>
            <p:nvPr/>
          </p:nvSpPr>
          <p:spPr>
            <a:xfrm rot="499215">
              <a:off x="7061585" y="5098960"/>
              <a:ext cx="680415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accent2">
                      <a:lumMod val="7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ほんとう</a:t>
              </a:r>
            </a:p>
          </p:txBody>
        </p:sp>
        <p:sp>
          <p:nvSpPr>
            <p:cNvPr id="12" name="テキスト ボックス 11">
              <a:extLst>
                <a:ext uri="{FF2B5EF4-FFF2-40B4-BE49-F238E27FC236}">
                  <a16:creationId xmlns:a16="http://schemas.microsoft.com/office/drawing/2014/main" id="{2DA5CE7E-0EDD-6A53-9CB1-0F91F824D5C4}"/>
                </a:ext>
              </a:extLst>
            </p:cNvPr>
            <p:cNvSpPr txBox="1"/>
            <p:nvPr/>
          </p:nvSpPr>
          <p:spPr>
            <a:xfrm>
              <a:off x="2848042" y="4622968"/>
              <a:ext cx="819936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じょうほう</a:t>
              </a:r>
            </a:p>
          </p:txBody>
        </p:sp>
        <p:sp>
          <p:nvSpPr>
            <p:cNvPr id="13" name="テキスト ボックス 12">
              <a:extLst>
                <a:ext uri="{FF2B5EF4-FFF2-40B4-BE49-F238E27FC236}">
                  <a16:creationId xmlns:a16="http://schemas.microsoft.com/office/drawing/2014/main" id="{31BA55E0-9E80-FDD2-6AE4-89307F414810}"/>
                </a:ext>
              </a:extLst>
            </p:cNvPr>
            <p:cNvSpPr txBox="1"/>
            <p:nvPr/>
          </p:nvSpPr>
          <p:spPr>
            <a:xfrm>
              <a:off x="4069565" y="5362169"/>
              <a:ext cx="819936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じょうほう</a:t>
              </a:r>
            </a:p>
          </p:txBody>
        </p:sp>
        <p:sp>
          <p:nvSpPr>
            <p:cNvPr id="14" name="テキスト ボックス 13">
              <a:extLst>
                <a:ext uri="{FF2B5EF4-FFF2-40B4-BE49-F238E27FC236}">
                  <a16:creationId xmlns:a16="http://schemas.microsoft.com/office/drawing/2014/main" id="{25B97BA6-1594-8EC6-3DF4-3372A3B0E093}"/>
                </a:ext>
              </a:extLst>
            </p:cNvPr>
            <p:cNvSpPr txBox="1"/>
            <p:nvPr/>
          </p:nvSpPr>
          <p:spPr>
            <a:xfrm>
              <a:off x="1643865" y="5795602"/>
              <a:ext cx="750085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しんぶん</a:t>
              </a:r>
            </a:p>
          </p:txBody>
        </p:sp>
        <p:sp>
          <p:nvSpPr>
            <p:cNvPr id="15" name="テキスト ボックス 14">
              <a:extLst>
                <a:ext uri="{FF2B5EF4-FFF2-40B4-BE49-F238E27FC236}">
                  <a16:creationId xmlns:a16="http://schemas.microsoft.com/office/drawing/2014/main" id="{3FD7A901-5B0E-E072-96AF-3B7E2B378037}"/>
                </a:ext>
              </a:extLst>
            </p:cNvPr>
            <p:cNvSpPr txBox="1"/>
            <p:nvPr/>
          </p:nvSpPr>
          <p:spPr>
            <a:xfrm>
              <a:off x="1885165" y="6244130"/>
              <a:ext cx="750085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そうだん</a:t>
              </a:r>
            </a:p>
          </p:txBody>
        </p:sp>
        <p:sp>
          <p:nvSpPr>
            <p:cNvPr id="16" name="テキスト ボックス 15">
              <a:extLst>
                <a:ext uri="{FF2B5EF4-FFF2-40B4-BE49-F238E27FC236}">
                  <a16:creationId xmlns:a16="http://schemas.microsoft.com/office/drawing/2014/main" id="{7FF77A43-29D1-04C8-F5A4-8B13A9418BBF}"/>
                </a:ext>
              </a:extLst>
            </p:cNvPr>
            <p:cNvSpPr txBox="1"/>
            <p:nvPr/>
          </p:nvSpPr>
          <p:spPr>
            <a:xfrm>
              <a:off x="408875" y="6244130"/>
              <a:ext cx="463309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いえ</a:t>
              </a:r>
            </a:p>
          </p:txBody>
        </p:sp>
      </p:grpSp>
      <p:sp>
        <p:nvSpPr>
          <p:cNvPr id="21" name="テキスト ボックス 20">
            <a:extLst>
              <a:ext uri="{FF2B5EF4-FFF2-40B4-BE49-F238E27FC236}">
                <a16:creationId xmlns:a16="http://schemas.microsoft.com/office/drawing/2014/main" id="{001A8A67-9BC5-D4F9-2218-D0AFDA8467D2}"/>
              </a:ext>
            </a:extLst>
          </p:cNvPr>
          <p:cNvSpPr txBox="1"/>
          <p:nvPr/>
        </p:nvSpPr>
        <p:spPr>
          <a:xfrm>
            <a:off x="2838665" y="44742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ょうほう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959317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500"/>
                            </p:stCondLst>
                            <p:childTnLst>
                              <p:par>
                                <p:cTn id="16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2500"/>
                            </p:stCondLst>
                            <p:childTnLst>
                              <p:par>
                                <p:cTn id="23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3" grpId="0" animBg="1"/>
      <p:bldP spid="37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角丸四角形 15"/>
          <p:cNvSpPr/>
          <p:nvPr/>
        </p:nvSpPr>
        <p:spPr>
          <a:xfrm>
            <a:off x="1444624" y="533400"/>
            <a:ext cx="7566026" cy="3361739"/>
          </a:xfrm>
          <a:prstGeom prst="roundRect">
            <a:avLst/>
          </a:prstGeom>
          <a:solidFill>
            <a:schemeClr val="bg1"/>
          </a:solidFill>
          <a:ln w="57150" cap="rnd" cmpd="thickThin">
            <a:noFill/>
            <a:prstDash val="dashDot"/>
            <a:round/>
          </a:ln>
          <a:effectLst>
            <a:softEdge rad="317500"/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grpSp>
        <p:nvGrpSpPr>
          <p:cNvPr id="5" name="グループ化 4"/>
          <p:cNvGrpSpPr/>
          <p:nvPr/>
        </p:nvGrpSpPr>
        <p:grpSpPr>
          <a:xfrm>
            <a:off x="-289433" y="3991848"/>
            <a:ext cx="4572000" cy="2240620"/>
            <a:chOff x="-289433" y="3991848"/>
            <a:chExt cx="4572000" cy="2240620"/>
          </a:xfrm>
        </p:grpSpPr>
        <p:sp>
          <p:nvSpPr>
            <p:cNvPr id="12" name="雲 31"/>
            <p:cNvSpPr/>
            <p:nvPr/>
          </p:nvSpPr>
          <p:spPr>
            <a:xfrm rot="197991">
              <a:off x="199530" y="3991848"/>
              <a:ext cx="3424674" cy="2240620"/>
            </a:xfrm>
            <a:custGeom>
              <a:avLst/>
              <a:gdLst>
                <a:gd name="connsiteX0" fmla="*/ 3900 w 43200"/>
                <a:gd name="connsiteY0" fmla="*/ 14370 h 43200"/>
                <a:gd name="connsiteX1" fmla="*/ 5623 w 43200"/>
                <a:gd name="connsiteY1" fmla="*/ 6907 h 43200"/>
                <a:gd name="connsiteX2" fmla="*/ 14005 w 43200"/>
                <a:gd name="connsiteY2" fmla="*/ 5202 h 43200"/>
                <a:gd name="connsiteX3" fmla="*/ 22456 w 43200"/>
                <a:gd name="connsiteY3" fmla="*/ 3432 h 43200"/>
                <a:gd name="connsiteX4" fmla="*/ 25749 w 43200"/>
                <a:gd name="connsiteY4" fmla="*/ 200 h 43200"/>
                <a:gd name="connsiteX5" fmla="*/ 29833 w 43200"/>
                <a:gd name="connsiteY5" fmla="*/ 2481 h 43200"/>
                <a:gd name="connsiteX6" fmla="*/ 35463 w 43200"/>
                <a:gd name="connsiteY6" fmla="*/ 690 h 43200"/>
                <a:gd name="connsiteX7" fmla="*/ 38318 w 43200"/>
                <a:gd name="connsiteY7" fmla="*/ 5576 h 43200"/>
                <a:gd name="connsiteX8" fmla="*/ 41982 w 43200"/>
                <a:gd name="connsiteY8" fmla="*/ 10318 h 43200"/>
                <a:gd name="connsiteX9" fmla="*/ 41818 w 43200"/>
                <a:gd name="connsiteY9" fmla="*/ 15460 h 43200"/>
                <a:gd name="connsiteX10" fmla="*/ 43016 w 43200"/>
                <a:gd name="connsiteY10" fmla="*/ 23322 h 43200"/>
                <a:gd name="connsiteX11" fmla="*/ 37404 w 43200"/>
                <a:gd name="connsiteY11" fmla="*/ 30204 h 43200"/>
                <a:gd name="connsiteX12" fmla="*/ 35395 w 43200"/>
                <a:gd name="connsiteY12" fmla="*/ 36101 h 43200"/>
                <a:gd name="connsiteX13" fmla="*/ 28555 w 43200"/>
                <a:gd name="connsiteY13" fmla="*/ 36815 h 43200"/>
                <a:gd name="connsiteX14" fmla="*/ 23667 w 43200"/>
                <a:gd name="connsiteY14" fmla="*/ 43106 h 43200"/>
                <a:gd name="connsiteX15" fmla="*/ 16480 w 43200"/>
                <a:gd name="connsiteY15" fmla="*/ 39266 h 43200"/>
                <a:gd name="connsiteX16" fmla="*/ 5804 w 43200"/>
                <a:gd name="connsiteY16" fmla="*/ 35472 h 43200"/>
                <a:gd name="connsiteX17" fmla="*/ 1110 w 43200"/>
                <a:gd name="connsiteY17" fmla="*/ 31250 h 43200"/>
                <a:gd name="connsiteX18" fmla="*/ 2113 w 43200"/>
                <a:gd name="connsiteY18" fmla="*/ 25551 h 43200"/>
                <a:gd name="connsiteX19" fmla="*/ -5 w 43200"/>
                <a:gd name="connsiteY19" fmla="*/ 19704 h 43200"/>
                <a:gd name="connsiteX20" fmla="*/ 3863 w 43200"/>
                <a:gd name="connsiteY20" fmla="*/ 14507 h 43200"/>
                <a:gd name="connsiteX21" fmla="*/ 3900 w 43200"/>
                <a:gd name="connsiteY21" fmla="*/ 14370 h 43200"/>
                <a:gd name="connsiteX0" fmla="*/ 4693 w 43200"/>
                <a:gd name="connsiteY0" fmla="*/ 26177 h 43200"/>
                <a:gd name="connsiteX1" fmla="*/ 2160 w 43200"/>
                <a:gd name="connsiteY1" fmla="*/ 25380 h 43200"/>
                <a:gd name="connsiteX2" fmla="*/ 6928 w 43200"/>
                <a:gd name="connsiteY2" fmla="*/ 34899 h 43200"/>
                <a:gd name="connsiteX3" fmla="*/ 5820 w 43200"/>
                <a:gd name="connsiteY3" fmla="*/ 35280 h 43200"/>
                <a:gd name="connsiteX4" fmla="*/ 16478 w 43200"/>
                <a:gd name="connsiteY4" fmla="*/ 39090 h 43200"/>
                <a:gd name="connsiteX5" fmla="*/ 15810 w 43200"/>
                <a:gd name="connsiteY5" fmla="*/ 37350 h 43200"/>
                <a:gd name="connsiteX6" fmla="*/ 28827 w 43200"/>
                <a:gd name="connsiteY6" fmla="*/ 34751 h 43200"/>
                <a:gd name="connsiteX7" fmla="*/ 28560 w 43200"/>
                <a:gd name="connsiteY7" fmla="*/ 36660 h 43200"/>
                <a:gd name="connsiteX8" fmla="*/ 34129 w 43200"/>
                <a:gd name="connsiteY8" fmla="*/ 22954 h 43200"/>
                <a:gd name="connsiteX9" fmla="*/ 37380 w 43200"/>
                <a:gd name="connsiteY9" fmla="*/ 30090 h 43200"/>
                <a:gd name="connsiteX10" fmla="*/ 41798 w 43200"/>
                <a:gd name="connsiteY10" fmla="*/ 15354 h 43200"/>
                <a:gd name="connsiteX11" fmla="*/ 40350 w 43200"/>
                <a:gd name="connsiteY11" fmla="*/ 18030 h 43200"/>
                <a:gd name="connsiteX12" fmla="*/ 38324 w 43200"/>
                <a:gd name="connsiteY12" fmla="*/ 5426 h 43200"/>
                <a:gd name="connsiteX13" fmla="*/ 38400 w 43200"/>
                <a:gd name="connsiteY13" fmla="*/ 6690 h 43200"/>
                <a:gd name="connsiteX14" fmla="*/ 29078 w 43200"/>
                <a:gd name="connsiteY14" fmla="*/ 3952 h 43200"/>
                <a:gd name="connsiteX15" fmla="*/ 29820 w 43200"/>
                <a:gd name="connsiteY15" fmla="*/ 2340 h 43200"/>
                <a:gd name="connsiteX16" fmla="*/ 22141 w 43200"/>
                <a:gd name="connsiteY16" fmla="*/ 4720 h 43200"/>
                <a:gd name="connsiteX17" fmla="*/ 22500 w 43200"/>
                <a:gd name="connsiteY17" fmla="*/ 3330 h 43200"/>
                <a:gd name="connsiteX18" fmla="*/ 14000 w 43200"/>
                <a:gd name="connsiteY18" fmla="*/ 5192 h 43200"/>
                <a:gd name="connsiteX19" fmla="*/ 15300 w 43200"/>
                <a:gd name="connsiteY19" fmla="*/ 6540 h 43200"/>
                <a:gd name="connsiteX20" fmla="*/ 4127 w 43200"/>
                <a:gd name="connsiteY20" fmla="*/ 15789 h 43200"/>
                <a:gd name="connsiteX21" fmla="*/ 3900 w 43200"/>
                <a:gd name="connsiteY21" fmla="*/ 14370 h 43200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36173 w 43256"/>
                <a:gd name="connsiteY8" fmla="*/ 25158 h 43219"/>
                <a:gd name="connsiteX9" fmla="*/ 37416 w 43256"/>
                <a:gd name="connsiteY9" fmla="*/ 29949 h 43219"/>
                <a:gd name="connsiteX10" fmla="*/ 41834 w 43256"/>
                <a:gd name="connsiteY10" fmla="*/ 15213 h 43219"/>
                <a:gd name="connsiteX11" fmla="*/ 40386 w 43256"/>
                <a:gd name="connsiteY11" fmla="*/ 17889 h 43219"/>
                <a:gd name="connsiteX12" fmla="*/ 38360 w 43256"/>
                <a:gd name="connsiteY12" fmla="*/ 5285 h 43219"/>
                <a:gd name="connsiteX13" fmla="*/ 38436 w 43256"/>
                <a:gd name="connsiteY13" fmla="*/ 6549 h 43219"/>
                <a:gd name="connsiteX14" fmla="*/ 29114 w 43256"/>
                <a:gd name="connsiteY14" fmla="*/ 3811 h 43219"/>
                <a:gd name="connsiteX15" fmla="*/ 29856 w 43256"/>
                <a:gd name="connsiteY15" fmla="*/ 2199 h 43219"/>
                <a:gd name="connsiteX16" fmla="*/ 22177 w 43256"/>
                <a:gd name="connsiteY16" fmla="*/ 4579 h 43219"/>
                <a:gd name="connsiteX17" fmla="*/ 22536 w 43256"/>
                <a:gd name="connsiteY17" fmla="*/ 3189 h 43219"/>
                <a:gd name="connsiteX18" fmla="*/ 14036 w 43256"/>
                <a:gd name="connsiteY18" fmla="*/ 5051 h 43219"/>
                <a:gd name="connsiteX19" fmla="*/ 15336 w 43256"/>
                <a:gd name="connsiteY19" fmla="*/ 6399 h 43219"/>
                <a:gd name="connsiteX20" fmla="*/ 4163 w 43256"/>
                <a:gd name="connsiteY20" fmla="*/ 15648 h 43219"/>
                <a:gd name="connsiteX21" fmla="*/ 3936 w 43256"/>
                <a:gd name="connsiteY21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41834 w 43256"/>
                <a:gd name="connsiteY8" fmla="*/ 15213 h 43219"/>
                <a:gd name="connsiteX9" fmla="*/ 40386 w 43256"/>
                <a:gd name="connsiteY9" fmla="*/ 17889 h 43219"/>
                <a:gd name="connsiteX10" fmla="*/ 38360 w 43256"/>
                <a:gd name="connsiteY10" fmla="*/ 5285 h 43219"/>
                <a:gd name="connsiteX11" fmla="*/ 38436 w 43256"/>
                <a:gd name="connsiteY11" fmla="*/ 6549 h 43219"/>
                <a:gd name="connsiteX12" fmla="*/ 29114 w 43256"/>
                <a:gd name="connsiteY12" fmla="*/ 3811 h 43219"/>
                <a:gd name="connsiteX13" fmla="*/ 29856 w 43256"/>
                <a:gd name="connsiteY13" fmla="*/ 2199 h 43219"/>
                <a:gd name="connsiteX14" fmla="*/ 22177 w 43256"/>
                <a:gd name="connsiteY14" fmla="*/ 4579 h 43219"/>
                <a:gd name="connsiteX15" fmla="*/ 22536 w 43256"/>
                <a:gd name="connsiteY15" fmla="*/ 3189 h 43219"/>
                <a:gd name="connsiteX16" fmla="*/ 14036 w 43256"/>
                <a:gd name="connsiteY16" fmla="*/ 5051 h 43219"/>
                <a:gd name="connsiteX17" fmla="*/ 15336 w 43256"/>
                <a:gd name="connsiteY17" fmla="*/ 6399 h 43219"/>
                <a:gd name="connsiteX18" fmla="*/ 4163 w 43256"/>
                <a:gd name="connsiteY18" fmla="*/ 15648 h 43219"/>
                <a:gd name="connsiteX19" fmla="*/ 3936 w 43256"/>
                <a:gd name="connsiteY19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28863 w 43256"/>
                <a:gd name="connsiteY4" fmla="*/ 34610 h 43219"/>
                <a:gd name="connsiteX5" fmla="*/ 28596 w 43256"/>
                <a:gd name="connsiteY5" fmla="*/ 36519 h 43219"/>
                <a:gd name="connsiteX6" fmla="*/ 41834 w 43256"/>
                <a:gd name="connsiteY6" fmla="*/ 15213 h 43219"/>
                <a:gd name="connsiteX7" fmla="*/ 40386 w 43256"/>
                <a:gd name="connsiteY7" fmla="*/ 17889 h 43219"/>
                <a:gd name="connsiteX8" fmla="*/ 38360 w 43256"/>
                <a:gd name="connsiteY8" fmla="*/ 5285 h 43219"/>
                <a:gd name="connsiteX9" fmla="*/ 38436 w 43256"/>
                <a:gd name="connsiteY9" fmla="*/ 6549 h 43219"/>
                <a:gd name="connsiteX10" fmla="*/ 29114 w 43256"/>
                <a:gd name="connsiteY10" fmla="*/ 3811 h 43219"/>
                <a:gd name="connsiteX11" fmla="*/ 29856 w 43256"/>
                <a:gd name="connsiteY11" fmla="*/ 2199 h 43219"/>
                <a:gd name="connsiteX12" fmla="*/ 22177 w 43256"/>
                <a:gd name="connsiteY12" fmla="*/ 4579 h 43219"/>
                <a:gd name="connsiteX13" fmla="*/ 22536 w 43256"/>
                <a:gd name="connsiteY13" fmla="*/ 3189 h 43219"/>
                <a:gd name="connsiteX14" fmla="*/ 14036 w 43256"/>
                <a:gd name="connsiteY14" fmla="*/ 5051 h 43219"/>
                <a:gd name="connsiteX15" fmla="*/ 15336 w 43256"/>
                <a:gd name="connsiteY15" fmla="*/ 6399 h 43219"/>
                <a:gd name="connsiteX16" fmla="*/ 4163 w 43256"/>
                <a:gd name="connsiteY16" fmla="*/ 15648 h 43219"/>
                <a:gd name="connsiteX17" fmla="*/ 3936 w 43256"/>
                <a:gd name="connsiteY17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28863 w 43256"/>
                <a:gd name="connsiteY2" fmla="*/ 34610 h 43219"/>
                <a:gd name="connsiteX3" fmla="*/ 28596 w 43256"/>
                <a:gd name="connsiteY3" fmla="*/ 36519 h 43219"/>
                <a:gd name="connsiteX4" fmla="*/ 41834 w 43256"/>
                <a:gd name="connsiteY4" fmla="*/ 15213 h 43219"/>
                <a:gd name="connsiteX5" fmla="*/ 40386 w 43256"/>
                <a:gd name="connsiteY5" fmla="*/ 17889 h 43219"/>
                <a:gd name="connsiteX6" fmla="*/ 38360 w 43256"/>
                <a:gd name="connsiteY6" fmla="*/ 5285 h 43219"/>
                <a:gd name="connsiteX7" fmla="*/ 38436 w 43256"/>
                <a:gd name="connsiteY7" fmla="*/ 6549 h 43219"/>
                <a:gd name="connsiteX8" fmla="*/ 29114 w 43256"/>
                <a:gd name="connsiteY8" fmla="*/ 3811 h 43219"/>
                <a:gd name="connsiteX9" fmla="*/ 29856 w 43256"/>
                <a:gd name="connsiteY9" fmla="*/ 2199 h 43219"/>
                <a:gd name="connsiteX10" fmla="*/ 22177 w 43256"/>
                <a:gd name="connsiteY10" fmla="*/ 4579 h 43219"/>
                <a:gd name="connsiteX11" fmla="*/ 22536 w 43256"/>
                <a:gd name="connsiteY11" fmla="*/ 3189 h 43219"/>
                <a:gd name="connsiteX12" fmla="*/ 14036 w 43256"/>
                <a:gd name="connsiteY12" fmla="*/ 5051 h 43219"/>
                <a:gd name="connsiteX13" fmla="*/ 15336 w 43256"/>
                <a:gd name="connsiteY13" fmla="*/ 6399 h 43219"/>
                <a:gd name="connsiteX14" fmla="*/ 4163 w 43256"/>
                <a:gd name="connsiteY14" fmla="*/ 15648 h 43219"/>
                <a:gd name="connsiteX15" fmla="*/ 3936 w 43256"/>
                <a:gd name="connsiteY15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12" fmla="*/ 4163 w 43256"/>
                <a:gd name="connsiteY12" fmla="*/ 15648 h 43219"/>
                <a:gd name="connsiteX13" fmla="*/ 3936 w 43256"/>
                <a:gd name="connsiteY13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45 w 43256"/>
                <a:gd name="connsiteY0" fmla="*/ 34309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734 w 43256"/>
                <a:gd name="connsiteY0" fmla="*/ 35017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3256" h="43219">
                  <a:moveTo>
                    <a:pt x="3936" y="14229"/>
                  </a:moveTo>
                  <a:cubicBezTo>
                    <a:pt x="3665" y="11516"/>
                    <a:pt x="4297" y="8780"/>
                    <a:pt x="5659" y="6766"/>
                  </a:cubicBezTo>
                  <a:cubicBezTo>
                    <a:pt x="7811" y="3585"/>
                    <a:pt x="11300" y="2876"/>
                    <a:pt x="14041" y="5061"/>
                  </a:cubicBezTo>
                  <a:cubicBezTo>
                    <a:pt x="15714" y="768"/>
                    <a:pt x="19950" y="-119"/>
                    <a:pt x="22492" y="3291"/>
                  </a:cubicBezTo>
                  <a:cubicBezTo>
                    <a:pt x="23133" y="1542"/>
                    <a:pt x="24364" y="333"/>
                    <a:pt x="25785" y="59"/>
                  </a:cubicBezTo>
                  <a:cubicBezTo>
                    <a:pt x="27349" y="-243"/>
                    <a:pt x="28911" y="629"/>
                    <a:pt x="29869" y="2340"/>
                  </a:cubicBezTo>
                  <a:cubicBezTo>
                    <a:pt x="31251" y="126"/>
                    <a:pt x="33537" y="-601"/>
                    <a:pt x="35499" y="549"/>
                  </a:cubicBezTo>
                  <a:cubicBezTo>
                    <a:pt x="36994" y="1425"/>
                    <a:pt x="38066" y="3259"/>
                    <a:pt x="38354" y="5435"/>
                  </a:cubicBezTo>
                  <a:cubicBezTo>
                    <a:pt x="40082" y="6077"/>
                    <a:pt x="41458" y="7857"/>
                    <a:pt x="42018" y="10177"/>
                  </a:cubicBezTo>
                  <a:cubicBezTo>
                    <a:pt x="42425" y="11861"/>
                    <a:pt x="42367" y="13690"/>
                    <a:pt x="41854" y="15319"/>
                  </a:cubicBezTo>
                  <a:cubicBezTo>
                    <a:pt x="43115" y="17553"/>
                    <a:pt x="43556" y="20449"/>
                    <a:pt x="43052" y="23181"/>
                  </a:cubicBezTo>
                  <a:cubicBezTo>
                    <a:pt x="42382" y="26813"/>
                    <a:pt x="40164" y="29533"/>
                    <a:pt x="37440" y="30063"/>
                  </a:cubicBezTo>
                  <a:cubicBezTo>
                    <a:pt x="37427" y="32330"/>
                    <a:pt x="36694" y="34480"/>
                    <a:pt x="35431" y="35960"/>
                  </a:cubicBezTo>
                  <a:cubicBezTo>
                    <a:pt x="33512" y="38209"/>
                    <a:pt x="30740" y="38498"/>
                    <a:pt x="28591" y="36674"/>
                  </a:cubicBezTo>
                  <a:cubicBezTo>
                    <a:pt x="27896" y="39807"/>
                    <a:pt x="26035" y="42202"/>
                    <a:pt x="23703" y="42965"/>
                  </a:cubicBezTo>
                  <a:cubicBezTo>
                    <a:pt x="20955" y="43864"/>
                    <a:pt x="18087" y="42332"/>
                    <a:pt x="16516" y="39125"/>
                  </a:cubicBezTo>
                  <a:cubicBezTo>
                    <a:pt x="12808" y="42169"/>
                    <a:pt x="7992" y="40458"/>
                    <a:pt x="5840" y="35331"/>
                  </a:cubicBezTo>
                  <a:cubicBezTo>
                    <a:pt x="3726" y="35668"/>
                    <a:pt x="1741" y="33883"/>
                    <a:pt x="1146" y="31109"/>
                  </a:cubicBezTo>
                  <a:cubicBezTo>
                    <a:pt x="715" y="29102"/>
                    <a:pt x="1096" y="26936"/>
                    <a:pt x="2149" y="25410"/>
                  </a:cubicBezTo>
                  <a:cubicBezTo>
                    <a:pt x="655" y="24213"/>
                    <a:pt x="-177" y="21916"/>
                    <a:pt x="31" y="19563"/>
                  </a:cubicBezTo>
                  <a:cubicBezTo>
                    <a:pt x="275" y="16808"/>
                    <a:pt x="1881" y="14650"/>
                    <a:pt x="3899" y="14366"/>
                  </a:cubicBezTo>
                  <a:cubicBezTo>
                    <a:pt x="3911" y="14320"/>
                    <a:pt x="3924" y="14275"/>
                    <a:pt x="3936" y="14229"/>
                  </a:cubicBezTo>
                  <a:close/>
                </a:path>
                <a:path w="43256" h="43219" fill="none" extrusionOk="0">
                  <a:moveTo>
                    <a:pt x="28619" y="36455"/>
                  </a:moveTo>
                  <a:cubicBezTo>
                    <a:pt x="28580" y="37102"/>
                    <a:pt x="28734" y="35897"/>
                    <a:pt x="28596" y="36519"/>
                  </a:cubicBezTo>
                </a:path>
              </a:pathLst>
            </a:custGeom>
            <a:ln/>
          </p:spPr>
          <p:style>
            <a:lnRef idx="1">
              <a:schemeClr val="accent2"/>
            </a:lnRef>
            <a:fillRef idx="3">
              <a:schemeClr val="accent2"/>
            </a:fillRef>
            <a:effectRef idx="2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ja-JP" altLang="en-US">
                <a:solidFill>
                  <a:schemeClr val="dk1"/>
                </a:solidFill>
              </a:endParaRPr>
            </a:p>
          </p:txBody>
        </p:sp>
        <p:sp>
          <p:nvSpPr>
            <p:cNvPr id="13" name="正方形/長方形 12"/>
            <p:cNvSpPr/>
            <p:nvPr/>
          </p:nvSpPr>
          <p:spPr>
            <a:xfrm rot="21098764">
              <a:off x="-289433" y="4568066"/>
              <a:ext cx="4572000" cy="1231106"/>
            </a:xfrm>
            <a:prstGeom prst="rect">
              <a:avLst/>
            </a:prstGeom>
          </p:spPr>
          <p:txBody>
            <a:bodyPr>
              <a:spAutoFit/>
            </a:bodyPr>
            <a:lstStyle/>
            <a:p>
              <a:pPr lvl="0" algn="ctr">
                <a:spcAft>
                  <a:spcPts val="1200"/>
                </a:spcAft>
                <a:defRPr/>
              </a:pPr>
              <a:r>
                <a:rPr kumimoji="0" lang="ja-JP" altLang="en-US" sz="3200" kern="0" dirty="0">
                  <a:solidFill>
                    <a:prstClr val="white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Meiryo UI" panose="020B0604030504040204" pitchFamily="50" charset="-128"/>
                </a:rPr>
                <a:t>情報が正しいか</a:t>
              </a:r>
            </a:p>
            <a:p>
              <a:pPr lvl="0" algn="ctr">
                <a:spcAft>
                  <a:spcPts val="1200"/>
                </a:spcAft>
                <a:defRPr/>
              </a:pPr>
              <a:r>
                <a:rPr kumimoji="0" lang="ja-JP" altLang="en-US" sz="3200" kern="0" dirty="0">
                  <a:solidFill>
                    <a:prstClr val="white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Meiryo UI" panose="020B0604030504040204" pitchFamily="50" charset="-128"/>
                </a:rPr>
                <a:t>確認しよう！</a:t>
              </a:r>
            </a:p>
          </p:txBody>
        </p:sp>
      </p:grpSp>
      <p:pic>
        <p:nvPicPr>
          <p:cNvPr id="14" name="図 1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733232"/>
            <a:ext cx="1996568" cy="1947270"/>
          </a:xfrm>
          <a:prstGeom prst="rect">
            <a:avLst/>
          </a:prstGeom>
        </p:spPr>
      </p:pic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1. </a:t>
            </a:r>
            <a:r>
              <a:rPr lang="ja-JP" altLang="en-US" dirty="0"/>
              <a:t>インターネットの情報は正しいの？</a:t>
            </a:r>
          </a:p>
        </p:txBody>
      </p:sp>
      <p:pic>
        <p:nvPicPr>
          <p:cNvPr id="11" name="図 10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197891" y="1654722"/>
            <a:ext cx="5340233" cy="5340233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15" name="テキスト ボックス 14"/>
          <p:cNvSpPr txBox="1"/>
          <p:nvPr/>
        </p:nvSpPr>
        <p:spPr>
          <a:xfrm>
            <a:off x="2132190" y="1143104"/>
            <a:ext cx="6843855" cy="240065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わざとでなくても</a:t>
            </a:r>
            <a:r>
              <a:rPr lang="en-US" altLang="ja-JP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､</a:t>
            </a: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ウソやまちがった情報を</a:t>
            </a:r>
            <a:endParaRPr lang="en-US" altLang="ja-JP" sz="2400" b="1" dirty="0">
              <a:solidFill>
                <a:srgbClr val="483700"/>
              </a:solidFill>
              <a:latin typeface="メイリオ" panose="020B0604030504040204" pitchFamily="50" charset="-128"/>
              <a:ea typeface="メイリオ" panose="020B0604030504040204" pitchFamily="50" charset="-128"/>
              <a:cs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広めてしまったら多くの人にいやな思いを</a:t>
            </a:r>
            <a:br>
              <a:rPr lang="en-US" altLang="ja-JP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</a:b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させたり、こまらせたりすることがあります。</a:t>
            </a:r>
            <a:endParaRPr lang="en-US" altLang="ja-JP" sz="2400" b="1" dirty="0">
              <a:solidFill>
                <a:srgbClr val="483700"/>
              </a:solidFill>
              <a:latin typeface="メイリオ" panose="020B0604030504040204" pitchFamily="50" charset="-128"/>
              <a:ea typeface="メイリオ" panose="020B0604030504040204" pitchFamily="50" charset="-128"/>
              <a:cs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インターネットの情報は、上手に、かしこく</a:t>
            </a:r>
            <a:endParaRPr lang="en-US" altLang="ja-JP" sz="2400" b="1" dirty="0">
              <a:solidFill>
                <a:srgbClr val="483700"/>
              </a:solidFill>
              <a:latin typeface="メイリオ" panose="020B0604030504040204" pitchFamily="50" charset="-128"/>
              <a:ea typeface="メイリオ" panose="020B0604030504040204" pitchFamily="50" charset="-128"/>
              <a:cs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使いましょう。</a:t>
            </a:r>
          </a:p>
        </p:txBody>
      </p:sp>
      <p:sp>
        <p:nvSpPr>
          <p:cNvPr id="3" name="テキスト ボックス 2">
            <a:extLst>
              <a:ext uri="{FF2B5EF4-FFF2-40B4-BE49-F238E27FC236}">
                <a16:creationId xmlns:a16="http://schemas.microsoft.com/office/drawing/2014/main" id="{CBEF7637-05CC-9083-21F4-F5735C8A4E62}"/>
              </a:ext>
            </a:extLst>
          </p:cNvPr>
          <p:cNvSpPr txBox="1"/>
          <p:nvPr/>
        </p:nvSpPr>
        <p:spPr>
          <a:xfrm>
            <a:off x="7136959" y="959595"/>
            <a:ext cx="81993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ょうほう</a:t>
            </a:r>
          </a:p>
        </p:txBody>
      </p:sp>
      <p:sp>
        <p:nvSpPr>
          <p:cNvPr id="4" name="テキスト ボックス 3">
            <a:extLst>
              <a:ext uri="{FF2B5EF4-FFF2-40B4-BE49-F238E27FC236}">
                <a16:creationId xmlns:a16="http://schemas.microsoft.com/office/drawing/2014/main" id="{BDF49D17-DC6E-EF8B-2AD7-DD7E3EBB7273}"/>
              </a:ext>
            </a:extLst>
          </p:cNvPr>
          <p:cNvSpPr txBox="1"/>
          <p:nvPr/>
        </p:nvSpPr>
        <p:spPr>
          <a:xfrm>
            <a:off x="4577953" y="1492801"/>
            <a:ext cx="47862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おお</a:t>
            </a:r>
          </a:p>
        </p:txBody>
      </p:sp>
      <p:sp>
        <p:nvSpPr>
          <p:cNvPr id="7" name="テキスト ボックス 6">
            <a:extLst>
              <a:ext uri="{FF2B5EF4-FFF2-40B4-BE49-F238E27FC236}">
                <a16:creationId xmlns:a16="http://schemas.microsoft.com/office/drawing/2014/main" id="{D25EFE49-6440-C31D-4C61-9F2373C19789}"/>
              </a:ext>
            </a:extLst>
          </p:cNvPr>
          <p:cNvSpPr txBox="1"/>
          <p:nvPr/>
        </p:nvSpPr>
        <p:spPr>
          <a:xfrm>
            <a:off x="4572000" y="2369054"/>
            <a:ext cx="81993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ょうほう</a:t>
            </a:r>
          </a:p>
        </p:txBody>
      </p:sp>
      <p:sp>
        <p:nvSpPr>
          <p:cNvPr id="8" name="テキスト ボックス 7">
            <a:extLst>
              <a:ext uri="{FF2B5EF4-FFF2-40B4-BE49-F238E27FC236}">
                <a16:creationId xmlns:a16="http://schemas.microsoft.com/office/drawing/2014/main" id="{B045569C-9B25-82B7-F8A0-177ADAA2D489}"/>
              </a:ext>
            </a:extLst>
          </p:cNvPr>
          <p:cNvSpPr txBox="1"/>
          <p:nvPr/>
        </p:nvSpPr>
        <p:spPr>
          <a:xfrm>
            <a:off x="5868007" y="2369054"/>
            <a:ext cx="665830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ょうず</a:t>
            </a:r>
          </a:p>
        </p:txBody>
      </p:sp>
      <p:sp>
        <p:nvSpPr>
          <p:cNvPr id="10" name="テキスト ボックス 9">
            <a:extLst>
              <a:ext uri="{FF2B5EF4-FFF2-40B4-BE49-F238E27FC236}">
                <a16:creationId xmlns:a16="http://schemas.microsoft.com/office/drawing/2014/main" id="{1BACED83-0B4F-36CB-6700-DF8946A38E79}"/>
              </a:ext>
            </a:extLst>
          </p:cNvPr>
          <p:cNvSpPr txBox="1"/>
          <p:nvPr/>
        </p:nvSpPr>
        <p:spPr>
          <a:xfrm>
            <a:off x="2161023" y="2890385"/>
            <a:ext cx="46205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つか</a:t>
            </a:r>
          </a:p>
        </p:txBody>
      </p:sp>
      <p:grpSp>
        <p:nvGrpSpPr>
          <p:cNvPr id="9" name="グループ化 8">
            <a:extLst>
              <a:ext uri="{FF2B5EF4-FFF2-40B4-BE49-F238E27FC236}">
                <a16:creationId xmlns:a16="http://schemas.microsoft.com/office/drawing/2014/main" id="{BC3287A8-7870-15C6-9035-E0C40F004DBC}"/>
              </a:ext>
            </a:extLst>
          </p:cNvPr>
          <p:cNvGrpSpPr/>
          <p:nvPr/>
        </p:nvGrpSpPr>
        <p:grpSpPr>
          <a:xfrm>
            <a:off x="325122" y="4523067"/>
            <a:ext cx="1472888" cy="886050"/>
            <a:chOff x="336697" y="4534642"/>
            <a:chExt cx="1472888" cy="886050"/>
          </a:xfrm>
        </p:grpSpPr>
        <p:sp>
          <p:nvSpPr>
            <p:cNvPr id="17" name="テキスト ボックス 16">
              <a:extLst>
                <a:ext uri="{FF2B5EF4-FFF2-40B4-BE49-F238E27FC236}">
                  <a16:creationId xmlns:a16="http://schemas.microsoft.com/office/drawing/2014/main" id="{2F476E92-FC86-02D6-D5FE-6998399BE868}"/>
                </a:ext>
              </a:extLst>
            </p:cNvPr>
            <p:cNvSpPr txBox="1"/>
            <p:nvPr/>
          </p:nvSpPr>
          <p:spPr>
            <a:xfrm rot="21060000">
              <a:off x="336697" y="4534642"/>
              <a:ext cx="1104635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bg1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じょう　ほう</a:t>
              </a:r>
            </a:p>
          </p:txBody>
        </p:sp>
        <p:sp>
          <p:nvSpPr>
            <p:cNvPr id="18" name="テキスト ボックス 17">
              <a:extLst>
                <a:ext uri="{FF2B5EF4-FFF2-40B4-BE49-F238E27FC236}">
                  <a16:creationId xmlns:a16="http://schemas.microsoft.com/office/drawing/2014/main" id="{DCB3949A-BA27-9A62-541A-9043B93059DF}"/>
                </a:ext>
              </a:extLst>
            </p:cNvPr>
            <p:cNvSpPr txBox="1"/>
            <p:nvPr/>
          </p:nvSpPr>
          <p:spPr>
            <a:xfrm rot="21060000">
              <a:off x="564907" y="5143693"/>
              <a:ext cx="1244678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bg1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く　にん</a:t>
              </a:r>
            </a:p>
          </p:txBody>
        </p:sp>
      </p:grpSp>
      <p:sp>
        <p:nvSpPr>
          <p:cNvPr id="19" name="テキスト ボックス 18">
            <a:extLst>
              <a:ext uri="{FF2B5EF4-FFF2-40B4-BE49-F238E27FC236}">
                <a16:creationId xmlns:a16="http://schemas.microsoft.com/office/drawing/2014/main" id="{E0B902DF-4DD5-A1AB-2BF6-CF9F0D895CC6}"/>
              </a:ext>
            </a:extLst>
          </p:cNvPr>
          <p:cNvSpPr txBox="1"/>
          <p:nvPr/>
        </p:nvSpPr>
        <p:spPr>
          <a:xfrm>
            <a:off x="2838665" y="44742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ょうほう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6517096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MMPROD_NEXTUNIQUEID" val="10010"/>
  <p:tag name="ISPRING_PROJECT_FOLDER_UPDATED" val="1"/>
  <p:tag name="MMPROD_UIDATA" val="&lt;database version=&quot;11.0&quot;&gt;&lt;object type=&quot;1&quot; unique_id=&quot;10001&quot;&gt;&lt;object type=&quot;2&quot; unique_id=&quot;215453&quot;&gt;&lt;object type=&quot;3&quot; unique_id=&quot;215982&quot;&gt;&lt;property id=&quot;20148&quot; value=&quot;5&quot;/&gt;&lt;property id=&quot;20300&quot; value=&quot;スライド 45 - &amp;quot;8. ネットゲームのやり過ぎはダメ！（有料アイテム）&amp;quot;&quot;/&gt;&lt;property id=&quot;20307&quot; value=&quot;272&quot;/&gt;&lt;/object&gt;&lt;object type=&quot;3&quot; unique_id=&quot;216200&quot;&gt;&lt;property id=&quot;20148&quot; value=&quot;5&quot;/&gt;&lt;property id=&quot;20300&quot; value=&quot;スライド 41 - &amp;quot;8. ネットゲームのやり過ぎはダメ！（有料アイテム）&amp;quot;&quot;/&gt;&lt;property id=&quot;20307&quot; value=&quot;274&quot;/&gt;&lt;/object&gt;&lt;object type=&quot;3&quot; unique_id=&quot;216202&quot;&gt;&lt;property id=&quot;20148&quot; value=&quot;5&quot;/&gt;&lt;property id=&quot;20300&quot; value=&quot;スライド 44 - &amp;quot;8. ネットゲームのやり過ぎはダメ！（有料アイテム）&amp;quot;&quot;/&gt;&lt;property id=&quot;20307&quot; value=&quot;276&quot;/&gt;&lt;/object&gt;&lt;object type=&quot;3&quot; unique_id=&quot;216203&quot;&gt;&lt;property id=&quot;20148&quot; value=&quot;5&quot;/&gt;&lt;property id=&quot;20300&quot; value=&quot;スライド 46 - &amp;quot;8. ネットゲームのやり過ぎはダメ！（有料アイテム）&amp;quot;&quot;/&gt;&lt;property id=&quot;20307&quot; value=&quot;277&quot;/&gt;&lt;/object&gt;&lt;object type=&quot;3&quot; unique_id=&quot;216233&quot;&gt;&lt;property id=&quot;20148&quot; value=&quot;5&quot;/&gt;&lt;property id=&quot;20300&quot; value=&quot;スライド 42 - &amp;quot;8. ネットゲームのやり過ぎはダメ！（有料アイテム）&amp;quot;&quot;/&gt;&lt;property id=&quot;20307&quot; value=&quot;279&quot;/&gt;&lt;/object&gt;&lt;object type=&quot;3&quot; unique_id=&quot;216234&quot;&gt;&lt;property id=&quot;20148&quot; value=&quot;5&quot;/&gt;&lt;property id=&quot;20300&quot; value=&quot;スライド 43 - &amp;quot;8. ネットゲームのやり過ぎはダメ！（有料アイテム）&amp;quot;&quot;/&gt;&lt;property id=&quot;20307&quot; value=&quot;278&quot;/&gt;&lt;/object&gt;&lt;object type=&quot;3&quot; unique_id=&quot;217394&quot;&gt;&lt;property id=&quot;20148&quot; value=&quot;5&quot;/&gt;&lt;property id=&quot;20300&quot; value=&quot;スライド 35 - &amp;quot;7. インターネットを使うときのルール&amp;quot;&quot;/&gt;&lt;property id=&quot;20307&quot; value=&quot;280&quot;/&gt;&lt;/object&gt;&lt;object type=&quot;3&quot; unique_id=&quot;217395&quot;&gt;&lt;property id=&quot;20148&quot; value=&quot;5&quot;/&gt;&lt;property id=&quot;20300&quot; value=&quot;スライド 36 - &amp;quot;7. インターネットを使うときのルール&amp;quot;&quot;/&gt;&lt;property id=&quot;20307&quot; value=&quot;281&quot;/&gt;&lt;/object&gt;&lt;object type=&quot;3&quot; unique_id=&quot;217396&quot;&gt;&lt;property id=&quot;20148&quot; value=&quot;5&quot;/&gt;&lt;property id=&quot;20300&quot; value=&quot;スライド 37 - &amp;quot;7. インターネットを使うときのルール&amp;quot;&quot;/&gt;&lt;property id=&quot;20307&quot; value=&quot;282&quot;/&gt;&lt;/object&gt;&lt;object type=&quot;3&quot; unique_id=&quot;217452&quot;&gt;&lt;property id=&quot;20148&quot; value=&quot;5&quot;/&gt;&lt;property id=&quot;20300&quot; value=&quot;スライド 38 - &amp;quot;7. インターネットを使うときのルール&amp;quot;&quot;/&gt;&lt;property id=&quot;20307&quot; value=&quot;283&quot;/&gt;&lt;/object&gt;&lt;object type=&quot;3&quot; unique_id=&quot;217453&quot;&gt;&lt;property id=&quot;20148&quot; value=&quot;5&quot;/&gt;&lt;property id=&quot;20300&quot; value=&quot;スライド 39 - &amp;quot;7. インターネットを使うときのルール&amp;quot;&quot;/&gt;&lt;property id=&quot;20307&quot; value=&quot;284&quot;/&gt;&lt;/object&gt;&lt;object type=&quot;3&quot; unique_id=&quot;217506&quot;&gt;&lt;property id=&quot;20148&quot; value=&quot;5&quot;/&gt;&lt;property id=&quot;20300&quot; value=&quot;スライド 29 - &amp;quot;6. 悪口を書かない&amp;quot;&quot;/&gt;&lt;property id=&quot;20307&quot; value=&quot;285&quot;/&gt;&lt;/object&gt;&lt;object type=&quot;3&quot; unique_id=&quot;217507&quot;&gt;&lt;property id=&quot;20148&quot; value=&quot;5&quot;/&gt;&lt;property id=&quot;20300&quot; value=&quot;スライド 30 - &amp;quot;6. 悪口を書かない&amp;quot;&quot;/&gt;&lt;property id=&quot;20307&quot; value=&quot;286&quot;/&gt;&lt;/object&gt;&lt;object type=&quot;3&quot; unique_id=&quot;217667&quot;&gt;&lt;property id=&quot;20148&quot; value=&quot;5&quot;/&gt;&lt;property id=&quot;20300&quot; value=&quot;スライド 31 - &amp;quot;6. 悪口を書かない&amp;quot;&quot;/&gt;&lt;property id=&quot;20307&quot; value=&quot;288&quot;/&gt;&lt;/object&gt;&lt;object type=&quot;3&quot; unique_id=&quot;217668&quot;&gt;&lt;property id=&quot;20148&quot; value=&quot;5&quot;/&gt;&lt;property id=&quot;20300&quot; value=&quot;スライド 32 - &amp;quot;6. 悪口を書かない&amp;quot;&quot;/&gt;&lt;property id=&quot;20307&quot; value=&quot;289&quot;/&gt;&lt;/object&gt;&lt;object type=&quot;3&quot; unique_id=&quot;217669&quot;&gt;&lt;property id=&quot;20148&quot; value=&quot;5&quot;/&gt;&lt;property id=&quot;20300&quot; value=&quot;スライド 33 - &amp;quot;6. 悪口を書かない&amp;quot;&quot;/&gt;&lt;property id=&quot;20307&quot; value=&quot;290&quot;/&gt;&lt;/object&gt;&lt;object type=&quot;3&quot; unique_id=&quot;217671&quot;&gt;&lt;property id=&quot;20148&quot; value=&quot;5&quot;/&gt;&lt;property id=&quot;20300&quot; value=&quot;スライド 24 - &amp;quot;5. パスワード管理&amp;quot;&quot;/&gt;&lt;property id=&quot;20307&quot; value=&quot;291&quot;/&gt;&lt;/object&gt;&lt;object type=&quot;3&quot; unique_id=&quot;224503&quot;&gt;&lt;property id=&quot;20148&quot; value=&quot;5&quot;/&gt;&lt;property id=&quot;20300&quot; value=&quot;スライド 25 - &amp;quot;5. パスワード管理&amp;quot;&quot;/&gt;&lt;property id=&quot;20307&quot; value=&quot;292&quot;/&gt;&lt;/object&gt;&lt;object type=&quot;3&quot; unique_id=&quot;224731&quot;&gt;&lt;property id=&quot;20148&quot; value=&quot;5&quot;/&gt;&lt;property id=&quot;20300&quot; value=&quot;スライド 26 - &amp;quot;5. パスワード管理&amp;quot;&quot;/&gt;&lt;property id=&quot;20307&quot; value=&quot;294&quot;/&gt;&lt;/object&gt;&lt;object type=&quot;3&quot; unique_id=&quot;224732&quot;&gt;&lt;property id=&quot;20148&quot; value=&quot;5&quot;/&gt;&lt;property id=&quot;20300&quot; value=&quot;スライド 27 - &amp;quot;5. パスワード管理&amp;quot;&quot;/&gt;&lt;property id=&quot;20307&quot; value=&quot;295&quot;/&gt;&lt;/object&gt;&lt;object type=&quot;3&quot; unique_id=&quot;225310&quot;&gt;&lt;property id=&quot;20148&quot; value=&quot;5&quot;/&gt;&lt;property id=&quot;20300&quot; value=&quot;スライド 3 - &amp;quot;1. インターネットの情報は正しいの？&amp;quot;&quot;/&gt;&lt;property id=&quot;20307&quot; value=&quot;296&quot;/&gt;&lt;/object&gt;&lt;object type=&quot;3&quot; unique_id=&quot;225311&quot;&gt;&lt;property id=&quot;20148&quot; value=&quot;5&quot;/&gt;&lt;property id=&quot;20300&quot; value=&quot;スライド 4 - &amp;quot;1. インターネットの情報は正しいの？&amp;quot;&quot;/&gt;&lt;property id=&quot;20307&quot; value=&quot;297&quot;/&gt;&lt;/object&gt;&lt;object type=&quot;3&quot; unique_id=&quot;225312&quot;&gt;&lt;property id=&quot;20148&quot; value=&quot;5&quot;/&gt;&lt;property id=&quot;20300&quot; value=&quot;スライド 5 - &amp;quot;1. インターネットの情報は正しいの？&amp;quot;&quot;/&gt;&lt;property id=&quot;20307&quot; value=&quot;298&quot;/&gt;&lt;/object&gt;&lt;object type=&quot;3&quot; unique_id=&quot;225313&quot;&gt;&lt;property id=&quot;20148&quot; value=&quot;5&quot;/&gt;&lt;property id=&quot;20300&quot; value=&quot;スライド 6 - &amp;quot;1. インターネットの情報は正しいの？&amp;quot;&quot;/&gt;&lt;property id=&quot;20307&quot; value=&quot;299&quot;/&gt;&lt;/object&gt;&lt;object type=&quot;3&quot; unique_id=&quot;225314&quot;&gt;&lt;property id=&quot;20148&quot; value=&quot;5&quot;/&gt;&lt;property id=&quot;20300&quot; value=&quot;スライド 8 - &amp;quot;2. ネットのイラストはだれのもの？&amp;quot;&quot;/&gt;&lt;property id=&quot;20307&quot; value=&quot;300&quot;/&gt;&lt;/object&gt;&lt;object type=&quot;3&quot; unique_id=&quot;225315&quot;&gt;&lt;property id=&quot;20148&quot; value=&quot;5&quot;/&gt;&lt;property id=&quot;20300&quot; value=&quot;スライド 9 - &amp;quot;2. ネットのイラストはだれのもの？&amp;quot;&quot;/&gt;&lt;property id=&quot;20307&quot; value=&quot;301&quot;/&gt;&lt;/object&gt;&lt;object type=&quot;3&quot; unique_id=&quot;225316&quot;&gt;&lt;property id=&quot;20148&quot; value=&quot;5&quot;/&gt;&lt;property id=&quot;20300&quot; value=&quot;スライド 10 - &amp;quot;2. ネットのイラストはだれのもの？&amp;quot;&quot;/&gt;&lt;property id=&quot;20307&quot; value=&quot;302&quot;/&gt;&lt;/object&gt;&lt;object type=&quot;3&quot; unique_id=&quot;225317&quot;&gt;&lt;property id=&quot;20148&quot; value=&quot;5&quot;/&gt;&lt;property id=&quot;20300&quot; value=&quot;スライド 11 - &amp;quot;2. ネットのイラストはだれのもの？&amp;quot;&quot;/&gt;&lt;property id=&quot;20307&quot; value=&quot;303&quot;/&gt;&lt;/object&gt;&lt;object type=&quot;3&quot; unique_id=&quot;225318&quot;&gt;&lt;property id=&quot;20148&quot; value=&quot;5&quot;/&gt;&lt;property id=&quot;20300&quot; value=&quot;スライド 13 - &amp;quot;3. 名前、住所、写真を公開しない&amp;quot;&quot;/&gt;&lt;property id=&quot;20307&quot; value=&quot;304&quot;/&gt;&lt;/object&gt;&lt;object type=&quot;3&quot; unique_id=&quot;225319&quot;&gt;&lt;property id=&quot;20148&quot; value=&quot;5&quot;/&gt;&lt;property id=&quot;20300&quot; value=&quot;スライド 14 - &amp;quot;3. 名前、住所、写真を公開しない&amp;quot;&quot;/&gt;&lt;property id=&quot;20307&quot; value=&quot;305&quot;/&gt;&lt;/object&gt;&lt;object type=&quot;3&quot; unique_id=&quot;225320&quot;&gt;&lt;property id=&quot;20148&quot; value=&quot;5&quot;/&gt;&lt;property id=&quot;20300&quot; value=&quot;スライド 16 - &amp;quot;3. 名前、住所、写真を公開しない&amp;quot;&quot;/&gt;&lt;property id=&quot;20307&quot; value=&quot;306&quot;/&gt;&lt;/object&gt;&lt;object type=&quot;3&quot; unique_id=&quot;225321&quot;&gt;&lt;property id=&quot;20148&quot; value=&quot;5&quot;/&gt;&lt;property id=&quot;20300&quot; value=&quot;スライド 17 - &amp;quot;3. 名前、住所、写真を公開しない&amp;quot;&quot;/&gt;&lt;property id=&quot;20307&quot; value=&quot;307&quot;/&gt;&lt;/object&gt;&lt;object type=&quot;3&quot; unique_id=&quot;225322&quot;&gt;&lt;property id=&quot;20148&quot; value=&quot;5&quot;/&gt;&lt;property id=&quot;20300&quot; value=&quot;スライド 19 - &amp;quot;4. 知らない人からのメール&amp;quot;&quot;/&gt;&lt;property id=&quot;20307&quot; value=&quot;308&quot;/&gt;&lt;/object&gt;&lt;object type=&quot;3&quot; unique_id=&quot;225323&quot;&gt;&lt;property id=&quot;20148&quot; value=&quot;5&quot;/&gt;&lt;property id=&quot;20300&quot; value=&quot;スライド 20 - &amp;quot;4. 知らない人からのメール&amp;quot;&quot;/&gt;&lt;property id=&quot;20307&quot; value=&quot;309&quot;/&gt;&lt;/object&gt;&lt;object type=&quot;3&quot; unique_id=&quot;225324&quot;&gt;&lt;property id=&quot;20148&quot; value=&quot;5&quot;/&gt;&lt;property id=&quot;20300&quot; value=&quot;スライド 21 - &amp;quot;4. 知らない人からのメール&amp;quot;&quot;/&gt;&lt;property id=&quot;20307&quot; value=&quot;310&quot;/&gt;&lt;/object&gt;&lt;object type=&quot;3&quot; unique_id=&quot;225325&quot;&gt;&lt;property id=&quot;20148&quot; value=&quot;5&quot;/&gt;&lt;property id=&quot;20300&quot; value=&quot;スライド 22 - &amp;quot;4. 知らない人からのメール&amp;quot;&quot;/&gt;&lt;property id=&quot;20307&quot; value=&quot;311&quot;/&gt;&lt;/object&gt;&lt;object type=&quot;3&quot; unique_id=&quot;225524&quot;&gt;&lt;property id=&quot;20148&quot; value=&quot;5&quot;/&gt;&lt;property id=&quot;20300&quot; value=&quot;スライド 1 - &amp;quot;情報モラル教育&amp;quot;&quot;/&gt;&lt;property id=&quot;20307&quot; value=&quot;313&quot;/&gt;&lt;/object&gt;&lt;object type=&quot;3&quot; unique_id=&quot;228223&quot;&gt;&lt;property id=&quot;20148&quot; value=&quot;5&quot;/&gt;&lt;property id=&quot;20300&quot; value=&quot;スライド 12 - &amp;quot;第3話 名前、住所、写真を 公開しない&amp;quot;&quot;/&gt;&lt;property id=&quot;20307&quot; value=&quot;316&quot;/&gt;&lt;/object&gt;&lt;object type=&quot;3&quot; unique_id=&quot;228225&quot;&gt;&lt;property id=&quot;20148&quot; value=&quot;5&quot;/&gt;&lt;property id=&quot;20300&quot; value=&quot;スライド 23 - &amp;quot;第5話 パスワード管理&amp;quot;&quot;/&gt;&lt;property id=&quot;20307&quot; value=&quot;318&quot;/&gt;&lt;/object&gt;&lt;object type=&quot;3&quot; unique_id=&quot;228227&quot;&gt;&lt;property id=&quot;20148&quot; value=&quot;5&quot;/&gt;&lt;property id=&quot;20300&quot; value=&quot;スライド 34 - &amp;quot;第7話 インターネットを 使うときのルール&amp;quot;&quot;/&gt;&lt;property id=&quot;20307&quot; value=&quot;320&quot;/&gt;&lt;/object&gt;&lt;object type=&quot;3&quot; unique_id=&quot;228228&quot;&gt;&lt;property id=&quot;20148&quot; value=&quot;5&quot;/&gt;&lt;property id=&quot;20300&quot; value=&quot;スライド 40 - &amp;quot;第8話 ネットゲームの 　やり過ぎはダメ！ 　（有料アイテム）&amp;quot;&quot;/&gt;&lt;property id=&quot;20307&quot; value=&quot;321&quot;/&gt;&lt;/object&gt;&lt;object type=&quot;3&quot; unique_id=&quot;228769&quot;&gt;&lt;property id=&quot;20148&quot; value=&quot;5&quot;/&gt;&lt;property id=&quot;20300&quot; value=&quot;スライド 15 - &amp;quot;3. 名前、住所、写真を公開しない&amp;quot;&quot;/&gt;&lt;property id=&quot;20307&quot; value=&quot;323&quot;/&gt;&lt;/object&gt;&lt;object type=&quot;3&quot; unique_id=&quot;230173&quot;&gt;&lt;property id=&quot;20148&quot; value=&quot;5&quot;/&gt;&lt;property id=&quot;20300&quot; value=&quot;スライド 2 - &amp;quot;第1話 インターネットの 情報は正しいの？&amp;quot;&quot;/&gt;&lt;property id=&quot;20307&quot; value=&quot;325&quot;/&gt;&lt;/object&gt;&lt;object type=&quot;3&quot; unique_id=&quot;230789&quot;&gt;&lt;property id=&quot;20148&quot; value=&quot;5&quot;/&gt;&lt;property id=&quot;20300&quot; value=&quot;スライド 18 - &amp;quot;第4話  知らない人からの メール&amp;quot;&quot;/&gt;&lt;property id=&quot;20307&quot; value=&quot;328&quot;/&gt;&lt;/object&gt;&lt;object type=&quot;3&quot; unique_id=&quot;230790&quot;&gt;&lt;property id=&quot;20148&quot; value=&quot;5&quot;/&gt;&lt;property id=&quot;20300&quot; value=&quot;スライド 28 - &amp;quot;第6話 悪口を書かない&amp;quot;&quot;/&gt;&lt;property id=&quot;20307&quot; value=&quot;329&quot;/&gt;&lt;/object&gt;&lt;object type=&quot;3&quot; unique_id=&quot;231045&quot;&gt;&lt;property id=&quot;20148&quot; value=&quot;5&quot;/&gt;&lt;property id=&quot;20300&quot; value=&quot;スライド 7 - &amp;quot;第2話 ネットのイラストは だれのもの？&amp;quot;&quot;/&gt;&lt;property id=&quot;20307&quot; value=&quot;330&quot;/&gt;&lt;/object&gt;&lt;/object&gt;&lt;object type=&quot;8&quot; unique_id=&quot;215459&quot;&gt;&lt;/object&gt;&lt;/object&gt;&lt;/database&gt;"/>
  <p:tag name="ARTICULATE_SLIDE_COUNT" val="46"/>
  <p:tag name="ISPRING_ULTRA_SCORM_COURSE_ID" val="0B614A66-4F9C-4121-B07A-BA9DFF81A28D"/>
  <p:tag name="ISPRING_SCORM_RATE_SLIDES" val="1"/>
  <p:tag name="ISPRING_PLAYERS_CUSTOMIZATION" val="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"/>
  <p:tag name="ISPRING_SCORM_PASSING_SCORE" val="100.000000"/>
  <p:tag name="ARTICULATE_PROJECT_OPEN" val="0"/>
  <p:tag name="SECTOMILLISECCONVERTED" val="1"/>
  <p:tag name="ISPRING_RESOURCE_PATHS_HASH_PRESENTER" val="e31dbc6a9c535b5e48547a39e13b89222d51ed"/>
  <p:tag name="ISPRING-SUITE_ISPRING_CURRENT_PLAYER_ID" val="universal"/>
  <p:tag name="ISPRING_PRESENTATION_COURSE_TITLE" val="情報モラル教育"/>
  <p:tag name="ISPRING_RESOURCE_FOLDER" val="C:\Users\s-shirochika\Documents\01_job\202210_徳島\05_iSpring\1.インターネットの情報は正しいの？（第1話【小】）\"/>
  <p:tag name="ISPRING_PRESENTATION_PATH" val="C:\Users\s-shirochika\Documents\01_job\202210_徳島\05_iSpring\1.インターネットの情報は正しいの？（第1話【小】）.pptx"/>
  <p:tag name="ISPRING_PROJECT_VERSION" val="9.3"/>
  <p:tag name="ISPRING_SCREEN_RECS_UPDATED" val="C:\Users\s-shirochika\Documents\01_job\202210_徳島\05_iSpring\1.インターネットの情報は正しいの？（第1話【小】）\"/>
  <p:tag name="ISPRING_UUID" val="{8A4A7930-2708-4F3F-91D0-0E247F8BE679}"/>
  <p:tag name="ISPRING_LMS_API_VERSION" val="SCORM 2004 (4th edition)"/>
  <p:tag name="ISPRING_CMI5_LAUNCH_METHOD" val="any window"/>
  <p:tag name="ISPRINGCLOUDFOLDERID" val="1"/>
  <p:tag name="ISPRINGONLINEFOLDERID" val="1"/>
  <p:tag name="ISPRING_OUTPUT_FOLDER" val="[[&quot;\uFFFD\\\uFFFD{C8200F90-E3A9-4BA9-88CD-9E9515C25619}&quot;,&quot;C:\\Users\\s-shirochika\\Documents\\01_job\\202210_徳島\\05_iSpring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FIRST_PUBLISH" val="1"/>
  <p:tag name="ISPRING_ULTRA_SCORM_COURCE_TITLE" val="情報モラル教育　小学校低学年　第1話"/>
  <p:tag name="ISPRING_PRESENTATION_TITLE" val="情報モラル教育　小学校低学年　第1話"/>
  <p:tag name="ISPRING-SUITE_ISPRING_PLAYERS_CUSTOMIZATION_2" val="{&quot;universal&quot;:{&quot;skinSettings&quot;:{&quot;borderRadius&quot;:10,&quot;colors&quot;:{&quot;asideBackground&quot;:{&quot;color&quot;:&quot;#FFFFFF&quot;,&quot;opacity&quot;:1,&quot;type&quot;:&quot;SOLID&quot;},&quot;asideElementBackgroundActive&quot;:{&quot;color&quot;:&quot;#398549&quot;,&quot;opacity&quot;:1,&quot;type&quot;:&quot;SOLID&quot;},&quot;asideElementBackgroundHover&quot;:{&quot;color&quot;:&quot;#BDFFA4&quot;,&quot;opacity&quot;:1,&quot;type&quot;:&quot;SOLID&quot;},&quot;asideElementText&quot;:{&quot;color&quot;:&quot;#727272&quot;,&quot;opacity&quot;:1,&quot;type&quot;:&quot;SOLID&quot;},&quot;asideElementTextActive&quot;:{&quot;color&quot;:&quot;#FFFFFF&quot;,&quot;opacity&quot;:1,&quot;type&quot;:&quot;SOLID&quot;},&quot;asideElementTextHover&quot;:{&quot;color&quot;:&quot;#4D4D4D&quot;,&quot;opacity&quot;:1,&quot;type&quot;:&quot;SOLID&quot;},&quot;asideLogoBackground&quot;:{&quot;color&quot;:&quot;#FFFFFF&quot;,&quot;opacity&quot;:1,&quot;type&quot;:&quot;SOLID&quot;},&quot;pageBackground&quot;:{&quot;color&quot;:&quot;#B2C4B2&quot;,&quot;opacity&quot;:1,&quot;type&quot;:&quot;SOLID&quot;},&quot;playerBackground&quot;:{&quot;color&quot;:&quot;#E2EBE2&quot;,&quot;opacity&quot;:1,&quot;type&quot;:&quot;SOLID&quot;},&quot;playerText&quot;:{&quot;color&quot;:&quot;#4D4D4D&quot;,&quot;opacity&quot;:1,&quot;type&quot;:&quot;SOLID&quot;},&quot;primaryButtonBackground&quot;:{&quot;color&quot;:&quot;#209B35&quot;,&quot;opacity&quot;:1,&quot;type&quot;:&quot;SOLID&quot;},&quot;primaryButtonBackgroundHover&quot;:{&quot;color&quot;:&quot;#25B73E&quot;,&quot;opacity&quot;:1,&quot;type&quot;:&quot;SOLID&quot;},&quot;primaryButtonBorder&quot;:{&quot;color&quot;:&quot;#209B35&quot;,&quot;opacity&quot;:1,&quot;type&quot;:&quot;SOLID&quot;},&quot;primaryButtonBorderHover&quot;:{&quot;color&quot;:&quot;#25B73E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209B35&quot;,&quot;opacity&quot;:1,&quot;type&quot;:&quot;SOLID&quot;},&quot;secondaryButtonBackgroundHover&quot;:{&quot;color&quot;:&quot;#25B73E&quot;,&quot;opacity&quot;:1,&quot;type&quot;:&quot;SOLID&quot;},&quot;secondaryButtonBorder&quot;:{&quot;color&quot;:&quot;#209B35&quot;,&quot;opacity&quot;:1,&quot;type&quot;:&quot;SOLID&quot;},&quot;secondaryButtonBorderHover&quot;:{&quot;color&quot;:&quot;#25B73E&quot;,&quot;opacity&quot;:1,&quot;type&quot;:&quot;SOLID&quot;},&quot;secondaryButtonText&quot;:{&quot;color&quot;:&quot;#FFFFFF&quot;,&quot;opacity&quot;:1,&quot;type&quot;:&quot;SOLID&quot;},&quot;secondaryButtonTextHover&quot;:{&quot;color&quot;:&quot;#FFFFFF&quot;,&quot;opacity&quot;:1,&quot;type&quot;:&quot;SOLID&quot;}},&quot;controlPanel&quot;:{&quot;navigationMode&quot;:&quot;bySlides&quot;,&quot;progressBar&quot;:{&quot;enabled&quot;:true,&quot;mode&quot;:&quot;slideTimeline&quot;,&quot;showLabels&quot;:true,&quot;visible&quot;:true},&quot;showCCButton&quot;:false,&quot;showNextButton&quot;:true,&quot;showOutline&quot;:true,&quot;showPlayPause&quot;:true,&quot;showPlaybackRateButton&quot;:false,&quot;showPrevButton&quot;:true,&quot;showRewind&quot;:true,&quot;showSlideNumbers&quot;:true,&quot;showSlideOnlyButton&quot;:true,&quot;showVolumeControl&quot;:false,&quot;visible&quot;:true},&quot;fontFamily&quot;:&quot;Meiryo UI&quot;,&quot;miniskinCustomizationEnabled&quot;:true,&quot;outlinePanel&quot;:{&quot;highlightViewedEntries&quot;:true,&quot;multilevel&quot;:true,&quot;numberEntries&quot;:fals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],&quot;buttonsAtLeft&quot;:true,&quot;courseTitleVisible&quot;:false,&quot;showLogo&quot;:false,&quot;visible&quot;:false},&quot;version&quot;:&quot;1.0&quot;},&quot;skinMessages&quot;:{&quot;PB_ACCESSIBLE_ARIA_LABEL_BACK_TO_BEGIN&quot;:&quot;スライドの最初に戻る&quot;,&quot;PB_ACCESSIBLE_ARIA_LABEL_BOTTOM_PANEL&quot;:&quot;ボトムバー&quot;,&quot;PB_ACCESSIBLE_ARIA_LABEL_NAVIGATION_BUTTONS&quot;:&quot;ナビゲーションボタン&quot;,&quot;PB_ACCESSIBLE_ARIA_LABEL_SETTINGS&quot;:&quot;アクセシビリティの設定&quot;,&quot;PB_ACCESSIBLE_ARIA_LABEL_SLIDE&quot;:&quot;スライド&quot;,&quot;PB_ACCESSIBLE_ARIA_LABEL_TOP_PANEL&quot;:&quot;トップバー&quot;,&quot;PB_ACCESSIBLE_AUDIO_NARRATION_LABEL&quot;:&quot;音声ナレーション&quot;,&quot;PB_ACCESSIBLE_NAVIGATION_NEXT_BUTTON&quot;:&quot;次へ&quot;,&quot;PB_ACCESSIBLE_NAVIGATION_PREV_BUTTON&quot;:&quot;前&quot;,&quot;PB_ACCESSIBLE_PLAYER_SCENARIO_NOT_SUPPORTED&quot;:&quot;このシミュレーションは、アクセシビリティモードに対応していません&quot;,&quot;PB_ACCESSIBLE_SKIN_ENABLE_ACCESSIBILITY_MODE&quot;:&quot;アクセシビリティモードをオンにする&quot;,&quot;PB_ACCESSIBLE_SKIN_ENABLE_NORMAL_MODE&quot;:&quot;アクセシビリティモードをオフにする&quot;,&quot;PB_ACCESSIBLE_SKIN_PRESENTER_PHOTO&quot;:&quot;プレゼンター写真&quot;,&quot;PB_ACCESSIBLE_SLIDE_N_OF_COUNT&quot;:&quot;スライド%SLIDE_NUMBER%\/%TOTAL_SLIDES%&quot;,&quot;PB_ACCESSIBLE_VIDEO_NARRATION_LABEL&quot;:&quot;ビデオナレーション&quot;,&quot;PB_ACCESSIBLE_WATERMARK_SKIN_CREATED_WITH&quot;:&quot;iSpring評価版で作成&quot;,&quot;PB_ATTACHMENT_DOCUMENT_SUBTITLE&quot;:&quot;文書&quot;,&quot;PB_ATTACHMENT_FILE_SUBTITLE&quot;:&quot;ファイル&quot;,&quot;PB_ATTACHMENT_IMAGE_SUBTITLE&quot;:&quot;画像&quot;,&quot;PB_ATTACHMENT_LINK_SUBTITLE&quot;:&quot;リンク&quot;,&quot;PB_ATTACHMENT_VIDEO_SUBTITLE&quot;:&quot;ビデオ&quot;,&quot;PB_BACK_TO_APP_BUTTON_LABEL&quot;:&quot;戻る&quot;,&quot;PB_CC_MENU_OFF&quot;:&quot;オフ&quot;,&quot;PB_CC_MENU_ON&quot;:&quot;オン&quot;,&quot;PB_CC_MENU_TITLE&quot;:&quot;メモ&quot;,&quot;PB_COMPANY_LOGO_BIG&quot;:&quot;企業ロゴ(268x156)&quot;,&quot;PB_COMPANY_LOGO_SMALL&quot;:&quot;企業ロゴ (268x50)&quot;,&quot;PB_CONTROL_PANEL_EXIT_FULL_SCREEN&quot;:&quot;フルスクリーンを終了&quot;,&quot;PB_CONTROL_PANEL_FULL_SCREEN&quot;:&quot;フルスクリーン&quot;,&quot;PB_CONTROL_PANEL_NEXT&quot;:&quot;次へ&quot;,&quot;PB_CONTROL_PANEL_OUTLINE&quot;:&quot;目次&quot;,&quot;PB_CONTROL_PANEL_PREV&quot;:&quot;前へ&quot;,&quot;PB_CONTROL_PANEL_REPLAY&quot;:&quot;リプレイ&quot;,&quot;PB_CONTROL_PANEL_SLIDE_COUNTER&quot;:&quot;%SLIDE_NUMBER%\/%TOTAL_SLIDES%&quot;,&quot;PB_CONTROL_PANEL_VOLUME_CONTROL&quot;:&quot;ボリューム:&quot;,&quot;PB_CURRENT_SLIDE_IS_NOT_COMPLETED&quot;:&quot;全てのスライドを見てください&quot;,&quot;PB_DOMAIN_RESTRICTION&quot;:&quot;プレゼンテーションの制作者がこのドメインからの閲覧を無効にしました。申し訳ございません。&quot;,&quot;PB_DOWNLOAD_APP_MESSAGE&quot;:&quot;このプレゼンテーションをビデオでご覧になるには、iOSアプリケーション「iSpring Play」（無料）をダウンロードしてください。&quot;,&quot;PB_DRAWING_TOOLS_END_DRAWING&quot;:&quot;ドローイングの終了&quot;,&quot;PB_DRAWING_TOOLS_ERASER&quot;:&quot;消しゴム&quot;,&quot;PB_DRAWING_TOOLS_ERASE_ALL&quot;:&quot;全て消去&quot;,&quot;PB_DRAWING_TOOLS_HIGHLIGHTER&quot;:&quot;ハイライト&quot;,&quot;PB_DRAWING_TOOLS_PEN&quot;:&quot;ペン&quot;,&quot;PB_ENTER_PASSWORD&quot;:&quot;プレゼンテーションを見るにはパスワードを入力します&quot;,&quot;PB_INCORRECT_PASSWORD&quot;:&quot;パスワードが正しくありません&quot;,&quot;PB_INTERACTION_SLIDE_WINDOW_TEXT&quot;:&quot;このスライドを離れる前に、インタラクションを完了させる必要があります。&quot;,&quot;PB_LAUNCH_BTN_LABEL&quot;:&quot;起動&quot;,&quot;PB_LAUNCH_IN_APP_MESSAGE&quot;:&quot;ビデオでご覧になる場合は、iSpring Playをご利用ください。&quot;,&quot;PB_MESSAGE_BOX_NO&quot;:&quot;いいえ&quot;,&quot;PB_MESSAGE_BOX_OK&quot;:&quot;OK&quot;,&quot;PB_MESSAGE_BOX_YES&quot;:&quot;はい&quot;,&quot;PB_NAVIGATION_IS_RESTRICTED&quot;:&quot;参照済スライドのみにアクセス可能&quot;,&quot;PB_NAVIGATION_IS_SEQUENTIAL&quot;:&quot;スライドは規定の順序で参照してください&quot;,&quot;PB_PLAYBACK_RATE_MENU_CAPTION&quot;:&quot;速度&quot;,&quot;PB_PRECEDING_QUIZ_FAILED_WINDOW_TEXT&quot;:&quot;スライド %SLIDE_INDEX% の問題が不正解のため、先に進めません。&quot;,&quot;PB_PRECEDING_QUIZ_NOT_COMPLETED_WINDOW_TEXT&quot;:&quot;先に進むには、スライド %SLIDE_INDEX% の問題に解答してください。&quot;,&quot;PB_PRECEDING_QUIZ_NOT_PASSED_WINDOW_TEXT&quot;:&quot;先に進むには、スライド %SLIDE_INDEX% の問題を正解する必要があります。&quot;,&quot;PB_PRECEDING_SCENARIO_FAILED_WINDOW_TEXT&quot;:&quot;スライド %SLIDE_INDEX% の対話に失格しましたので進めません&quot;,&quot;PB_PRECEDING_SCENARIO_NOT_COMPLETED_WINDOW_TEXT&quot;:&quot;進めるにはスライド %SLIDE_INDEX% で対話をしなければなりません&quot;,&quot;PB_PRECEDING_SCENARIO_NOT_PASSED_WINDOW_TEXT&quot;:&quot;進めるにはスライド %SLIDE_INDEX% の対話に合格しなければなりません&quot;,&quot;PB_PRESENTER_COLLAPSE_BIO&quot;:&quot;少なく表示&quot;,&quot;PB_PRESENTER_EMAIL&quot;:&quot;電子メール&quot;,&quot;PB_PRESENTER_EXPAND_BIO&quot;:&quot;もっと表示&quot;,&quot;PB_PRESENTER_HIDE_BIO&quot;:&quot;隠す&quot;,&quot;PB_PRESENTER_INFO&quot;:&quot;プレゼンター情報&quot;,&quot;PB_PRESENTER_NO_INFO&quot;:&quot;プレゼンター情報がありません&quot;,&quot;PB_PRESENTER_SHOW_BIO&quot;:&quot;もっと見る&quot;,&quot;PB_PRESENTER_VIDEO&quot;:&quot;プレゼンター・ビデオ&quot;,&quot;PB_PRESENTER_WEBSITE&quot;:&quot;Web サイト&quot;,&quot;PB_QUIZ_SLIDE_WINDOW_TEXT&quot;:&quot;このスライドから移動する前に問題を完了してください。&quot;,&quot;PB_RATE_MENU_CAPTION&quot;:&quot;速度&quot;,&quot;PB_RATE_MENU_DEFAULT_RATE&quot;:&quot;普通&quot;,&quot;PB_RESTRICTION_MESSAGE_BOX_TITLE&quot;:&quot;操作が制限されています&quot;,&quot;PB_RESUME_PRESENTATION_WINDOW_TEXT&quot;:&quot;最後に見たスライドから再開しますか？&quot;,&quot;PB_RESUME_PRESENTATION_WINDOW_TITLE&quot;:&quot;プレゼンテーションの再開&quot;,&quot;PB_SCENARIO_SLIDE_WINDOW_TEXT&quot;:&quot;このスライドから移動する前に対話を完了させる必要があります。&quot;,&quot;PB_SEARCH_CANCEL&quot;:&quot;キャンセル&quot;,&quot;PB_SEARCH_NO_RESULTS_LABEL&quot;:&quot;マッチしません&quot;,&quot;PB_SEARCH_PANEL_DEFAULT_TEXT&quot;:&quot;検索...&quot;,&quot;PB_SEARCH_RESULTS_LABEL&quot;:&quot;検索結果：&quot;,&quot;PB_SEARCH_RESULT_IN_NOTES&quot;:&quot;メモで&quot;,&quot;PB_SEARCH_RESULT_IN_TEXT_LABEL&quot;:&quot;スライドで&quot;,&quot;PB_SUBTITLES_MENU_CAPTION&quot;:&quot;字幕&quot;,&quot;PB_SUBTITLES_OFF&quot;:&quot;オフ&quot;,&quot;PB_TAB_NOTES_LABEL&quot;:&quot;メモ&quot;,&quot;PB_TAB_OUTLINE_LABEL&quot;:&quot;目次&quot;,&quot;PB_TIME_RESTRICTION&quot;:&quot;プレゼンテーションの制作者が一時的に閲覧を無効にしました。申し訳ございません。&quot;,&quot;PB_TITLE_PANEL_ATTACHMENTS&quot;:&quot;リソース&quot;,&quot;PB_TITLE_PANEL_DEFAULT_COURSE_TITLE&quot;:&quot;コースタイトル例&quot;,&quot;PB_TITLE_PANEL_MARKER_TOOLS&quot;:&quot;マーカーツール&quot;,&quot;PB_TITLE_PANEL_NOTES&quot;:&quot;メモ&quot;,&quot;PB_TITLE_PANEL_OUTLINE&quot;:&quot;アウトライン&quot;,&quot;PB_TITLE_PANEL_PRESENTER_INFO&quot;:&quot;プレゼンター情報&quot;,&quot;PB_TOOLTIP_ADD_LOGO&quot;:&quot;クリックして企業ロゴを追加&quot;,&quot;PB_TOOLTIP_CHANGE_LOGO&quot;:&quot;クリックして企業ロゴを追加&quot;,&quot;PB_TREE_CONTROL_LOADING&quot;:&quot;ロード中…&quot;,&quot;PB_VIDEO_WINDOW_NO_VIDEO_LABEL&quot;:&quot;ビデオがありません&quot;},&quot;playbackAndNavigationSettings&quot;:{&quot;autoStart&quot;:true,&quot;saveAnimationStates&quot;:false,&quot;loopPresentation&quot;:false,&quot;autoPlayAnimations&quot;:false,&quot;autoPlayAnimationsTime&quot;:1,&quot;navigationType&quot;:&quot;FREE&quot;,&quot;resumeMode&quot;:&quot;PROMPT&quot;,&quot;enableKeyboardNavigation&quot;:false},&quot;keyboardSettings&quot;:&quot;&quot;,&quot;skinVersion&quot;:1,&quot;skinCompatibleVersion&quot;:0,&quot;publishSettings&quot;:{&quot;backgroundColor&quot;:&quot;#B2C4B2&quot;,&quot;playerDimensions&quot;:{&quot;height&quot;:74,&quot;width&quot;:24},&quot;playerModule&quot;:&quot;UniversalHtml&quot;,&quot;presentationContent&quot;:{&quot;metadata&quot;:{&quot;references&quot;:false,&quot;texts&quot;:[&quot;DT_SLIDE_NOTES_HTML&quot;,&quot;DT_SLIDE_NOTES_TEXT&quot;,&quot;DT_SLIDE_TITLE&quot;,&quot;DT_SLIDE_NOTES_TEXT&quot;,&quot;DT_SLIDE_TEXT&quot;,&quot;DT_HYPERLINK_TOOLTIP&quot;]},&quot;resources&quot;:{&quot;attachments&quot;:false,&quot;companyLogos&quot;:null,&quot;fonts&quot;:[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&quot;,&quot;fontFamily&quot;:&quot;Meiryo UI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b&quot;,&quot;fontFamily&quot;:&quot;Meiryo UI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i&quot;,&quot;fontFamily&quot;:&quot;Meiryo UI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bi&quot;,&quot;fontFamily&quot;:&quot;Meiryo UI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sb&quot;,&quot;fontFamily&quot;:&quot;Meiryo UI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sbi&quot;,&quot;fontFamily&quot;:&quot;Meiryo UI&quot;,&quot;isBold&quot;:false,&quot;isItalic&quot;:true,&quot;isSemibold&quot;:true,&quot;substituteFontFamily&quot;:&quot;Arial&quot;}],&quot;interactivity&quot;:{&quot;fullSupport&quot;:true},&quot;presenterPhotos&quot;:null,&quot;slideThumbnails&quot;:{&quot;enlargeToFit&quot;:false,&quot;height&quot;:59,&quot;jpegQuality&quot;:100,&quot;keepAspectRatio&quot;:true,&quot;width&quot;:78},&quot;videoNarrations&quot;:null}}}}}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ISPRING_SLIDE_INDENT_LEVEL" val="0"/>
  <p:tag name="ISPRING_CUSTOM_TIMING_USED" val="0"/>
  <p:tag name="GENSWF_SLIDE_UID" val="{97C12DDF-8224-4B3A-9F4F-E41E505CEAB0}:325"/>
  <p:tag name="GENSWF_ADVANCE_TIME" val="1.000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1"/>
  <p:tag name="ISPRING_CUSTOM_TIMING_USED" val="0"/>
  <p:tag name="ARTICULATE_SLIDE_THUMBNAIL_REFRESH" val="1"/>
  <p:tag name="GENSWF_SLIDE_UID" val="{68119F42-AEAE-4849-9F03-8DF56EB18576}:296"/>
  <p:tag name="GENSWF_ADVANCE_TIME" val="0.00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1"/>
  <p:tag name="ISPRING_CUSTOM_TIMING_USED" val="0"/>
  <p:tag name="ARTICULATE_SLIDE_THUMBNAIL_REFRESH" val="1"/>
  <p:tag name="GENSWF_SLIDE_UID" val="{08A06932-7756-401F-A56E-814B787EF684}:297"/>
  <p:tag name="GENSWF_ADVANCE_TIME" val="0.00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1"/>
  <p:tag name="ISPRING_CUSTOM_TIMING_USED" val="0"/>
  <p:tag name="ARTICULATE_SLIDE_THUMBNAIL_REFRESH" val="1"/>
  <p:tag name="GENSWF_SLIDE_UID" val="{4B789C02-0FDC-4526-9D45-355DEEA13AFB}:298"/>
  <p:tag name="GENSWF_ADVANCE_TIME" val="0.000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INDENT_LEVEL" val="1"/>
  <p:tag name="ARTICULATE_SLIDE_THUMBNAIL_REFRESH" val="1"/>
  <p:tag name="GENSWF_SLIDE_UID" val="{1A5802CE-6EBD-4B7C-A627-654DE562D35B}:299"/>
  <p:tag name="GENSWF_ADVANCE_TIME" val="0.000"/>
</p:tagLst>
</file>

<file path=ppt/theme/theme1.xml><?xml version="1.0" encoding="utf-8"?>
<a:theme xmlns:a="http://schemas.openxmlformats.org/drawingml/2006/main" name="Office テーマ">
  <a:themeElements>
    <a:clrScheme name="Office テーマ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テーマ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テーマ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chemeClr val="bg1">
            <a:lumMod val="95000"/>
          </a:schemeClr>
        </a:solidFill>
        <a:ln>
          <a:solidFill>
            <a:schemeClr val="tx1"/>
          </a:solidFill>
        </a:ln>
        <a:scene3d>
          <a:camera prst="orthographicFront">
            <a:rot lat="0" lon="0" rev="0"/>
          </a:camera>
          <a:lightRig rig="threePt" dir="t"/>
        </a:scene3d>
      </a:spPr>
      <a:bodyPr rtlCol="0" anchor="ctr"/>
      <a:lstStyle>
        <a:defPPr algn="ctr">
          <a:defRPr kumimoji="1" dirty="0" smtClean="0">
            <a:solidFill>
              <a:schemeClr val="tx1"/>
            </a:solidFill>
          </a:defRPr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txDef>
      <a:spPr>
        <a:noFill/>
      </a:spPr>
      <a:bodyPr wrap="none" rtlCol="0">
        <a:spAutoFit/>
      </a:bodyPr>
      <a:lstStyle>
        <a:defPPr algn="ctr">
          <a:defRPr sz="1200" b="1" dirty="0">
            <a:solidFill>
              <a:schemeClr val="bg1"/>
            </a:solidFill>
            <a:latin typeface="メイリオ" panose="020B0604030504040204" pitchFamily="50" charset="-128"/>
            <a:ea typeface="メイリオ" panose="020B0604030504040204" pitchFamily="50" charset="-128"/>
            <a:cs typeface="メイリオ" panose="020B0604030504040204" pitchFamily="50" charset="-128"/>
          </a:defRPr>
        </a:defPPr>
      </a:lstStyle>
    </a:tx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​​テーマ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テーマ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游ゴシック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游ゴシック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ffice Theme</Template>
  <TotalTime>13352</TotalTime>
  <Words>359</Words>
  <Application>Microsoft Office PowerPoint</Application>
  <PresentationFormat>画面に合わせる (4:3)</PresentationFormat>
  <Paragraphs>76</Paragraphs>
  <Slides>5</Slides>
  <Notes>5</Notes>
  <HiddenSlides>0</HiddenSlides>
  <MMClips>0</MMClips>
  <ScaleCrop>false</ScaleCrop>
  <HeadingPairs>
    <vt:vector size="6" baseType="variant">
      <vt:variant>
        <vt:lpstr>使用されているフォント</vt:lpstr>
      </vt:variant>
      <vt:variant>
        <vt:i4>6</vt:i4>
      </vt:variant>
      <vt:variant>
        <vt:lpstr>テーマ</vt:lpstr>
      </vt:variant>
      <vt:variant>
        <vt:i4>1</vt:i4>
      </vt:variant>
      <vt:variant>
        <vt:lpstr>スライド タイトル</vt:lpstr>
      </vt:variant>
      <vt:variant>
        <vt:i4>5</vt:i4>
      </vt:variant>
    </vt:vector>
  </HeadingPairs>
  <TitlesOfParts>
    <vt:vector size="12" baseType="lpstr">
      <vt:lpstr>Meiryo UI</vt:lpstr>
      <vt:lpstr>メイリオ</vt:lpstr>
      <vt:lpstr>游ゴシック</vt:lpstr>
      <vt:lpstr>Arial</vt:lpstr>
      <vt:lpstr>Calibri</vt:lpstr>
      <vt:lpstr>Calibri Light</vt:lpstr>
      <vt:lpstr>Office テーマ</vt:lpstr>
      <vt:lpstr>だい1話 インターネットの 情報は正しいの？</vt:lpstr>
      <vt:lpstr>1. インターネットの情報は正しいの？</vt:lpstr>
      <vt:lpstr>1. インターネットの情報は正しいの？</vt:lpstr>
      <vt:lpstr>1. インターネットの情報は正しいの？</vt:lpstr>
      <vt:lpstr>1. インターネットの情報は正しいの？</vt:lpstr>
    </vt:vector>
  </TitlesOfParts>
  <Company>MouseComputer PC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情報モラル教育　小学校低学年　第1話</dc:title>
  <cp:lastModifiedBy>城近 小夜子</cp:lastModifiedBy>
  <cp:revision>477</cp:revision>
  <cp:lastPrinted>2016-03-08T03:51:44Z</cp:lastPrinted>
  <dcterms:created xsi:type="dcterms:W3CDTF">2016-01-27T02:00:48Z</dcterms:created>
  <dcterms:modified xsi:type="dcterms:W3CDTF">2022-11-04T01:31:02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GUID">
    <vt:lpwstr>25C82281-62A0-45BF-B44E-D70073C3FE43</vt:lpwstr>
  </property>
  <property fmtid="{D5CDD505-2E9C-101B-9397-08002B2CF9AE}" pid="3" name="ArticulatePath">
    <vt:lpwstr>プレゼンテーション1</vt:lpwstr>
  </property>
</Properties>
</file>